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omments1.xml" ContentType="application/vnd.openxmlformats-officedocument.spreadsheetml.comment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386\02_group\02_保育・待機児童対策グループ\05_認定こども園\04_一覧\R5.4.1\"/>
    </mc:Choice>
  </mc:AlternateContent>
  <bookViews>
    <workbookView xWindow="0" yWindow="0" windowWidth="23040" windowHeight="9168"/>
  </bookViews>
  <sheets>
    <sheet name="県内" sheetId="1" r:id="rId1"/>
  </sheets>
  <definedNames>
    <definedName name="_xlnm._FilterDatabase" localSheetId="0" hidden="1">県内!$B$4:$G$271</definedName>
    <definedName name="_xlnm.Print_Area" localSheetId="0">県内!$A$1:$G$271</definedName>
    <definedName name="_xlnm.Print_Titles" localSheetId="0">県内!$4:$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omments1.xml><?xml version="1.0" encoding="utf-8"?>
<comments xmlns="http://schemas.openxmlformats.org/spreadsheetml/2006/main">
  <authors>
    <author>Windows ユーザー</author>
  </authors>
  <commentList>
    <comment ref="C104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9/5名称修正</t>
        </r>
      </text>
    </comment>
  </commentList>
</comments>
</file>

<file path=xl/sharedStrings.xml><?xml version="1.0" encoding="utf-8"?>
<sst xmlns="http://schemas.openxmlformats.org/spreadsheetml/2006/main" count="1101" uniqueCount="589">
  <si>
    <r>
      <t>認定こども園認定状況</t>
    </r>
    <r>
      <rPr>
        <sz val="11"/>
        <color indexed="8"/>
        <rFont val="ＭＳ Ｐゴシック"/>
        <family val="3"/>
        <charset val="128"/>
      </rPr>
      <t>（令和５年４月１日現在）</t>
    </r>
    <rPh sb="0" eb="2">
      <t>ニンテイ</t>
    </rPh>
    <rPh sb="5" eb="6">
      <t>エン</t>
    </rPh>
    <rPh sb="6" eb="8">
      <t>ニンテイ</t>
    </rPh>
    <rPh sb="8" eb="10">
      <t>ジョウキョウ</t>
    </rPh>
    <rPh sb="11" eb="13">
      <t>レイワ</t>
    </rPh>
    <rPh sb="14" eb="15">
      <t>ネン</t>
    </rPh>
    <rPh sb="16" eb="17">
      <t>ガツ</t>
    </rPh>
    <rPh sb="18" eb="19">
      <t>ニチ</t>
    </rPh>
    <rPh sb="19" eb="21">
      <t>ゲンザイ</t>
    </rPh>
    <phoneticPr fontId="6"/>
  </si>
  <si>
    <t>認定こども園一覧</t>
  </si>
  <si>
    <t>市町村</t>
    <rPh sb="0" eb="3">
      <t>シチョウソン</t>
    </rPh>
    <phoneticPr fontId="6"/>
  </si>
  <si>
    <t>認定こども園の名称</t>
  </si>
  <si>
    <t>所在地</t>
  </si>
  <si>
    <t>事業開始
年月日</t>
    <rPh sb="0" eb="2">
      <t>ジギョウ</t>
    </rPh>
    <rPh sb="2" eb="4">
      <t>カイシ</t>
    </rPh>
    <rPh sb="5" eb="8">
      <t>ネンガッピ</t>
    </rPh>
    <phoneticPr fontId="6"/>
  </si>
  <si>
    <t>類型</t>
  </si>
  <si>
    <t>公私立</t>
    <rPh sb="0" eb="2">
      <t>コウシ</t>
    </rPh>
    <rPh sb="2" eb="3">
      <t>タ</t>
    </rPh>
    <phoneticPr fontId="6"/>
  </si>
  <si>
    <t>横浜市
67件</t>
    <rPh sb="6" eb="7">
      <t>ケン</t>
    </rPh>
    <phoneticPr fontId="6"/>
  </si>
  <si>
    <t>ゆうゆうのもり幼保園</t>
  </si>
  <si>
    <t>横浜市都筑区早渕2-3-77</t>
  </si>
  <si>
    <t>幼保連携型</t>
  </si>
  <si>
    <t>私立</t>
    <rPh sb="0" eb="2">
      <t>シリツ</t>
    </rPh>
    <phoneticPr fontId="6"/>
  </si>
  <si>
    <t>認定こども園ムロノキッズ　室の木幼稚園・プリスクール室の木</t>
    <rPh sb="13" eb="14">
      <t>ムロ</t>
    </rPh>
    <rPh sb="15" eb="16">
      <t>キ</t>
    </rPh>
    <rPh sb="16" eb="19">
      <t>ヨウチエン</t>
    </rPh>
    <rPh sb="26" eb="27">
      <t>ムロ</t>
    </rPh>
    <rPh sb="28" eb="29">
      <t>キ</t>
    </rPh>
    <phoneticPr fontId="6"/>
  </si>
  <si>
    <t>横浜市港南区港南3-35-20</t>
  </si>
  <si>
    <t>幼稚園型</t>
    <rPh sb="0" eb="3">
      <t>ヨウチエン</t>
    </rPh>
    <rPh sb="3" eb="4">
      <t>ガタ</t>
    </rPh>
    <phoneticPr fontId="6"/>
  </si>
  <si>
    <t>保育所型</t>
    <rPh sb="0" eb="2">
      <t>ホイク</t>
    </rPh>
    <rPh sb="2" eb="3">
      <t>ショ</t>
    </rPh>
    <rPh sb="3" eb="4">
      <t>ガタ</t>
    </rPh>
    <phoneticPr fontId="6"/>
  </si>
  <si>
    <t>地方裁量型</t>
    <rPh sb="0" eb="2">
      <t>チホウ</t>
    </rPh>
    <rPh sb="2" eb="5">
      <t>サイリョウガタ</t>
    </rPh>
    <phoneticPr fontId="6"/>
  </si>
  <si>
    <t>認定こども園やつはしキッズ　八ッ橋幼稚園</t>
    <phoneticPr fontId="6"/>
  </si>
  <si>
    <t>横浜市旭区中希望が丘196</t>
  </si>
  <si>
    <t>認定こども園三陽幼稚園・三陽保育園</t>
  </si>
  <si>
    <t>横浜市青葉区上谷本町722</t>
  </si>
  <si>
    <t>認定こども園いのやま いのやま幼稚園　いのやま保育園</t>
    <rPh sb="15" eb="18">
      <t>ヨウチエン</t>
    </rPh>
    <rPh sb="23" eb="26">
      <t>ホイクエン</t>
    </rPh>
    <phoneticPr fontId="6"/>
  </si>
  <si>
    <t>横浜市栄区上之町29-1</t>
  </si>
  <si>
    <t>認定こども園あづまの幼稚園・あづまのナーサリー</t>
    <phoneticPr fontId="6"/>
  </si>
  <si>
    <t>横浜市瀬谷区東野台38</t>
  </si>
  <si>
    <t>幼保連携型</t>
    <rPh sb="0" eb="5">
      <t>ヨウホ</t>
    </rPh>
    <phoneticPr fontId="6"/>
  </si>
  <si>
    <t>公立</t>
    <rPh sb="0" eb="2">
      <t>コウリツ</t>
    </rPh>
    <phoneticPr fontId="6"/>
  </si>
  <si>
    <t>認定こども園中野幼稚園中野どんぐり保育園</t>
    <phoneticPr fontId="6"/>
  </si>
  <si>
    <t>横浜市栄区元大橋2-32-3、2-22-18</t>
    <phoneticPr fontId="6"/>
  </si>
  <si>
    <t>幼稚園型</t>
    <rPh sb="0" eb="4">
      <t>ヨウチエンガタ</t>
    </rPh>
    <phoneticPr fontId="6"/>
  </si>
  <si>
    <t>認定こども園はらのこ　原幼稚園</t>
    <phoneticPr fontId="6"/>
  </si>
  <si>
    <t>横浜市瀬谷区阿久和西3-36-6、同3-38-18</t>
  </si>
  <si>
    <t>幼保連携型</t>
    <rPh sb="0" eb="1">
      <t>ヨウ</t>
    </rPh>
    <rPh sb="1" eb="2">
      <t>ホ</t>
    </rPh>
    <rPh sb="2" eb="4">
      <t>レンケイ</t>
    </rPh>
    <rPh sb="4" eb="5">
      <t>ガタ</t>
    </rPh>
    <phoneticPr fontId="6"/>
  </si>
  <si>
    <t>保育所型</t>
    <rPh sb="0" eb="4">
      <t>ホイクショガタ</t>
    </rPh>
    <phoneticPr fontId="6"/>
  </si>
  <si>
    <t>関東学院のびのびのば園</t>
    <rPh sb="0" eb="2">
      <t>カントウ</t>
    </rPh>
    <rPh sb="2" eb="4">
      <t>ガクイン</t>
    </rPh>
    <rPh sb="10" eb="11">
      <t>エン</t>
    </rPh>
    <phoneticPr fontId="6"/>
  </si>
  <si>
    <t>横浜市港南区野庭町617-2</t>
    <rPh sb="6" eb="9">
      <t>ノバチョウ</t>
    </rPh>
    <phoneticPr fontId="6"/>
  </si>
  <si>
    <t>認定こども園エクレス</t>
    <phoneticPr fontId="6"/>
  </si>
  <si>
    <t>横浜市都筑区長坂8-1、同仲町台1-34-14</t>
    <rPh sb="6" eb="8">
      <t>ナガサカ</t>
    </rPh>
    <rPh sb="13" eb="16">
      <t>ナカマチダイ</t>
    </rPh>
    <phoneticPr fontId="6"/>
  </si>
  <si>
    <t>認定こども園捜真幼稚園</t>
    <rPh sb="6" eb="7">
      <t>ソウ</t>
    </rPh>
    <rPh sb="7" eb="8">
      <t>シン</t>
    </rPh>
    <rPh sb="8" eb="11">
      <t>ヨウチエン</t>
    </rPh>
    <phoneticPr fontId="6"/>
  </si>
  <si>
    <t>横浜市神奈川区栗田谷42-43</t>
    <rPh sb="3" eb="7">
      <t>カナガワク</t>
    </rPh>
    <rPh sb="7" eb="10">
      <t>クリタヤ</t>
    </rPh>
    <phoneticPr fontId="6"/>
  </si>
  <si>
    <t>認定こども園山王台幼稚園・風の子こども園</t>
    <rPh sb="0" eb="2">
      <t>ニンテイ</t>
    </rPh>
    <rPh sb="5" eb="6">
      <t>エン</t>
    </rPh>
    <rPh sb="6" eb="9">
      <t>サンノウダイ</t>
    </rPh>
    <rPh sb="9" eb="12">
      <t>ヨウチエン</t>
    </rPh>
    <rPh sb="13" eb="14">
      <t>カゼ</t>
    </rPh>
    <rPh sb="15" eb="16">
      <t>コ</t>
    </rPh>
    <rPh sb="19" eb="20">
      <t>エン</t>
    </rPh>
    <phoneticPr fontId="6"/>
  </si>
  <si>
    <t>横浜市南区永田山王台38-38</t>
    <rPh sb="3" eb="5">
      <t>ミナミク</t>
    </rPh>
    <rPh sb="5" eb="10">
      <t>ナガタサンノウダイ</t>
    </rPh>
    <phoneticPr fontId="6"/>
  </si>
  <si>
    <t>関東学院六浦こども園</t>
    <rPh sb="0" eb="2">
      <t>カントウ</t>
    </rPh>
    <rPh sb="2" eb="4">
      <t>ガクイン</t>
    </rPh>
    <rPh sb="4" eb="6">
      <t>ムツウラ</t>
    </rPh>
    <rPh sb="9" eb="10">
      <t>エン</t>
    </rPh>
    <phoneticPr fontId="6"/>
  </si>
  <si>
    <t>横浜市金沢区六浦東1-50-1</t>
    <rPh sb="3" eb="6">
      <t>カナザワク</t>
    </rPh>
    <rPh sb="6" eb="8">
      <t>ムツウラ</t>
    </rPh>
    <rPh sb="8" eb="9">
      <t>ヒガシ</t>
    </rPh>
    <phoneticPr fontId="6"/>
  </si>
  <si>
    <t>認定こども園峯岡幼稚園</t>
    <rPh sb="0" eb="2">
      <t>ニンテイ</t>
    </rPh>
    <rPh sb="5" eb="6">
      <t>エン</t>
    </rPh>
    <rPh sb="6" eb="7">
      <t>ミネ</t>
    </rPh>
    <rPh sb="7" eb="8">
      <t>オカ</t>
    </rPh>
    <rPh sb="8" eb="11">
      <t>ヨウチエン</t>
    </rPh>
    <phoneticPr fontId="6"/>
  </si>
  <si>
    <t>横浜市保土ヶ谷区峰岡町2－195</t>
    <rPh sb="0" eb="3">
      <t>ヨコハマシ</t>
    </rPh>
    <rPh sb="3" eb="8">
      <t>ホドガヤク</t>
    </rPh>
    <rPh sb="8" eb="10">
      <t>ミネオカ</t>
    </rPh>
    <rPh sb="10" eb="11">
      <t>マチ</t>
    </rPh>
    <phoneticPr fontId="6"/>
  </si>
  <si>
    <t>幼保連携型認定こども園南幼稚園</t>
    <rPh sb="0" eb="11">
      <t>ヨウホレンケイ</t>
    </rPh>
    <rPh sb="11" eb="12">
      <t>ミナミ</t>
    </rPh>
    <rPh sb="12" eb="15">
      <t>ヨウチエン</t>
    </rPh>
    <phoneticPr fontId="6"/>
  </si>
  <si>
    <t>横浜市戸塚区深谷町456－6</t>
    <rPh sb="0" eb="3">
      <t>ヨコハマシ</t>
    </rPh>
    <rPh sb="3" eb="6">
      <t>トツカク</t>
    </rPh>
    <rPh sb="6" eb="8">
      <t>フカヤ</t>
    </rPh>
    <rPh sb="8" eb="9">
      <t>マチ</t>
    </rPh>
    <phoneticPr fontId="6"/>
  </si>
  <si>
    <t>認定こども園二俣川幼稚園</t>
    <rPh sb="0" eb="2">
      <t>ニンテイ</t>
    </rPh>
    <rPh sb="5" eb="6">
      <t>エン</t>
    </rPh>
    <rPh sb="6" eb="8">
      <t>フタマタ</t>
    </rPh>
    <rPh sb="8" eb="9">
      <t>ガワ</t>
    </rPh>
    <rPh sb="9" eb="12">
      <t>ヨウチエン</t>
    </rPh>
    <phoneticPr fontId="6"/>
  </si>
  <si>
    <t>横浜市旭区今川町16－1</t>
    <rPh sb="0" eb="3">
      <t>ヨコハマシ</t>
    </rPh>
    <rPh sb="3" eb="5">
      <t>アサヒク</t>
    </rPh>
    <rPh sb="5" eb="8">
      <t>イマガワチョウ</t>
    </rPh>
    <phoneticPr fontId="6"/>
  </si>
  <si>
    <t>いいじまひがしこども園　飯島東幼稚園・飯島東保育園</t>
    <phoneticPr fontId="6"/>
  </si>
  <si>
    <t>横浜市栄区飯島町2158番</t>
    <rPh sb="0" eb="3">
      <t>ヨコハマシ</t>
    </rPh>
    <rPh sb="3" eb="5">
      <t>サカエク</t>
    </rPh>
    <rPh sb="5" eb="7">
      <t>イイジマ</t>
    </rPh>
    <rPh sb="7" eb="8">
      <t>チョウ</t>
    </rPh>
    <rPh sb="12" eb="13">
      <t>バン</t>
    </rPh>
    <phoneticPr fontId="6"/>
  </si>
  <si>
    <t>ぬくもりの森しんばし　やよい台こども園やよい台幼稚園</t>
    <phoneticPr fontId="6"/>
  </si>
  <si>
    <t>横浜市泉区新橋町1101番地5</t>
    <phoneticPr fontId="6"/>
  </si>
  <si>
    <t>認定こども園やまゆりキッズ 横浜みずほ幼稚園</t>
    <phoneticPr fontId="6"/>
  </si>
  <si>
    <t>横浜市都筑区北山田三丁目25番</t>
    <rPh sb="0" eb="3">
      <t>ヨコハマシ</t>
    </rPh>
    <rPh sb="3" eb="6">
      <t>ツヅキク</t>
    </rPh>
    <rPh sb="6" eb="9">
      <t>キタヤマダ</t>
    </rPh>
    <rPh sb="9" eb="10">
      <t>サン</t>
    </rPh>
    <rPh sb="10" eb="12">
      <t>チョウメ</t>
    </rPh>
    <rPh sb="14" eb="15">
      <t>バン</t>
    </rPh>
    <phoneticPr fontId="6"/>
  </si>
  <si>
    <t>幼保連携型認定こども園　みなみ幼稚園</t>
    <phoneticPr fontId="6"/>
  </si>
  <si>
    <t>横浜市瀬谷区阿久和南４丁目16番地１</t>
    <rPh sb="0" eb="3">
      <t>ヨコハマシ</t>
    </rPh>
    <rPh sb="3" eb="6">
      <t>セヤク</t>
    </rPh>
    <rPh sb="6" eb="9">
      <t>アクワ</t>
    </rPh>
    <rPh sb="9" eb="10">
      <t>ミナミ</t>
    </rPh>
    <rPh sb="11" eb="13">
      <t>チョウメ</t>
    </rPh>
    <rPh sb="15" eb="17">
      <t>バンチ</t>
    </rPh>
    <phoneticPr fontId="6"/>
  </si>
  <si>
    <t>幼保連携型認定こども園 青葉台幼稚園</t>
    <phoneticPr fontId="6"/>
  </si>
  <si>
    <t>横浜市青葉区さつきが丘８番地80</t>
    <rPh sb="0" eb="3">
      <t>ヨコハマシ</t>
    </rPh>
    <rPh sb="3" eb="6">
      <t>アオバク</t>
    </rPh>
    <rPh sb="10" eb="11">
      <t>オカ</t>
    </rPh>
    <rPh sb="12" eb="14">
      <t>バンチ</t>
    </rPh>
    <phoneticPr fontId="6"/>
  </si>
  <si>
    <t>幼保連携型認定こども園みどり幼稚園</t>
    <phoneticPr fontId="6"/>
  </si>
  <si>
    <t>横浜市戸塚区上品濃16番48号</t>
    <rPh sb="0" eb="3">
      <t>ヨコハマシ</t>
    </rPh>
    <rPh sb="3" eb="6">
      <t>トツカク</t>
    </rPh>
    <rPh sb="6" eb="7">
      <t>カミ</t>
    </rPh>
    <rPh sb="7" eb="8">
      <t>シナ</t>
    </rPh>
    <rPh sb="8" eb="9">
      <t>ノウ</t>
    </rPh>
    <rPh sb="11" eb="12">
      <t>バン</t>
    </rPh>
    <rPh sb="14" eb="15">
      <t>ゴウ</t>
    </rPh>
    <phoneticPr fontId="6"/>
  </si>
  <si>
    <t>幼保連携型認定こども園泉ヶ丘幼稚園</t>
    <rPh sb="0" eb="5">
      <t>ヨウホ</t>
    </rPh>
    <rPh sb="5" eb="11">
      <t>ニンテイ</t>
    </rPh>
    <rPh sb="11" eb="14">
      <t>イズミガオカ</t>
    </rPh>
    <rPh sb="14" eb="17">
      <t>ヨウチエン</t>
    </rPh>
    <phoneticPr fontId="6"/>
  </si>
  <si>
    <t>横浜市泉区和泉が丘3-9-1</t>
    <rPh sb="0" eb="3">
      <t>ヨコハマシ</t>
    </rPh>
    <rPh sb="3" eb="5">
      <t>イズミク</t>
    </rPh>
    <rPh sb="5" eb="7">
      <t>イズミ</t>
    </rPh>
    <rPh sb="8" eb="9">
      <t>オカ</t>
    </rPh>
    <phoneticPr fontId="6"/>
  </si>
  <si>
    <t>認定こども園いづみ幼稚園</t>
    <rPh sb="0" eb="6">
      <t>ニンテイ</t>
    </rPh>
    <rPh sb="9" eb="12">
      <t>ヨウチエン</t>
    </rPh>
    <phoneticPr fontId="6"/>
  </si>
  <si>
    <t>横浜市泉区和泉中央南4-17-36</t>
    <rPh sb="0" eb="3">
      <t>ヨコハマシ</t>
    </rPh>
    <rPh sb="3" eb="5">
      <t>イズミク</t>
    </rPh>
    <rPh sb="5" eb="7">
      <t>イズミ</t>
    </rPh>
    <rPh sb="7" eb="9">
      <t>チュウオウ</t>
    </rPh>
    <rPh sb="9" eb="10">
      <t>ミナミ</t>
    </rPh>
    <phoneticPr fontId="6"/>
  </si>
  <si>
    <t>認定こども園明成幼稚園</t>
    <rPh sb="0" eb="6">
      <t>ニンテイ</t>
    </rPh>
    <rPh sb="6" eb="8">
      <t>メイセイ</t>
    </rPh>
    <rPh sb="8" eb="11">
      <t>ヨウチエン</t>
    </rPh>
    <phoneticPr fontId="6"/>
  </si>
  <si>
    <t>横浜市泉区和泉中央南3-2-56</t>
    <rPh sb="5" eb="7">
      <t>イズミ</t>
    </rPh>
    <rPh sb="7" eb="9">
      <t>チュウオウ</t>
    </rPh>
    <rPh sb="9" eb="10">
      <t>ミナミ</t>
    </rPh>
    <phoneticPr fontId="6"/>
  </si>
  <si>
    <t>幼保連携型認定こども園ひまわり幼稚園</t>
    <rPh sb="0" eb="5">
      <t>ヨウホ</t>
    </rPh>
    <rPh sb="5" eb="11">
      <t>ニンテイ</t>
    </rPh>
    <rPh sb="15" eb="18">
      <t>ヨウチエン</t>
    </rPh>
    <phoneticPr fontId="6"/>
  </si>
  <si>
    <t>横浜市戸塚区戸塚町5118番地</t>
    <rPh sb="0" eb="3">
      <t>ヨコハマシ</t>
    </rPh>
    <rPh sb="3" eb="6">
      <t>トツカク</t>
    </rPh>
    <rPh sb="6" eb="9">
      <t>トツカチョウ</t>
    </rPh>
    <rPh sb="13" eb="15">
      <t>バンチ</t>
    </rPh>
    <phoneticPr fontId="6"/>
  </si>
  <si>
    <t>幼保連携型認定こども園希望ヶ丘幼稚園　希望ヶ丘保育園</t>
    <rPh sb="0" eb="5">
      <t>ヨウホ</t>
    </rPh>
    <rPh sb="5" eb="11">
      <t>ニンテイ</t>
    </rPh>
    <rPh sb="11" eb="15">
      <t>キボウガオカ</t>
    </rPh>
    <rPh sb="15" eb="18">
      <t>ヨウチエン</t>
    </rPh>
    <rPh sb="19" eb="23">
      <t>キボウガオカ</t>
    </rPh>
    <rPh sb="23" eb="26">
      <t>ホイクエン</t>
    </rPh>
    <phoneticPr fontId="6"/>
  </si>
  <si>
    <t>横浜市旭区東希望が丘17番地</t>
    <rPh sb="0" eb="3">
      <t>ヨコハマシ</t>
    </rPh>
    <rPh sb="5" eb="6">
      <t>ヒガシ</t>
    </rPh>
    <rPh sb="12" eb="14">
      <t>バンチ</t>
    </rPh>
    <phoneticPr fontId="6"/>
  </si>
  <si>
    <t>なかよしこども園</t>
    <rPh sb="7" eb="8">
      <t>エン</t>
    </rPh>
    <phoneticPr fontId="6"/>
  </si>
  <si>
    <t>横浜市泉区下和泉3-27-11</t>
    <rPh sb="0" eb="3">
      <t>ヨコハマシ</t>
    </rPh>
    <rPh sb="3" eb="4">
      <t>イズミ</t>
    </rPh>
    <rPh sb="4" eb="5">
      <t>ク</t>
    </rPh>
    <rPh sb="5" eb="6">
      <t>シモ</t>
    </rPh>
    <rPh sb="6" eb="8">
      <t>イズミ</t>
    </rPh>
    <phoneticPr fontId="6"/>
  </si>
  <si>
    <t>認定こども園　オーセルわかば幼稚園</t>
    <rPh sb="0" eb="6">
      <t>ニンテイ</t>
    </rPh>
    <rPh sb="14" eb="17">
      <t>ヨウチエン</t>
    </rPh>
    <phoneticPr fontId="6"/>
  </si>
  <si>
    <t>横浜市旭区若葉台1-7-1</t>
    <rPh sb="0" eb="3">
      <t>ヨコハマシ</t>
    </rPh>
    <rPh sb="3" eb="5">
      <t>アサヒク</t>
    </rPh>
    <rPh sb="5" eb="8">
      <t>ワカバダイ</t>
    </rPh>
    <phoneticPr fontId="6"/>
  </si>
  <si>
    <t>幼保連携型認定こども園　あさひ台幼稚園</t>
    <rPh sb="15" eb="16">
      <t>ダイ</t>
    </rPh>
    <rPh sb="16" eb="19">
      <t>ヨウチエン</t>
    </rPh>
    <phoneticPr fontId="6"/>
  </si>
  <si>
    <t>横浜市鶴見区下末吉6-7-24</t>
    <rPh sb="0" eb="3">
      <t>ヨコハマシ</t>
    </rPh>
    <rPh sb="3" eb="6">
      <t>ツルミク</t>
    </rPh>
    <rPh sb="6" eb="7">
      <t>シモ</t>
    </rPh>
    <rPh sb="7" eb="9">
      <t>スエヨシ</t>
    </rPh>
    <phoneticPr fontId="6"/>
  </si>
  <si>
    <t>学校法人新栄学園　認定こども園　金沢白百合幼稚園</t>
  </si>
  <si>
    <t>横浜市金沢区釜利谷南2-2-4</t>
    <rPh sb="0" eb="3">
      <t>ヨコハマシ</t>
    </rPh>
    <rPh sb="3" eb="6">
      <t>カナザワク</t>
    </rPh>
    <rPh sb="6" eb="9">
      <t>カマリヤ</t>
    </rPh>
    <rPh sb="9" eb="10">
      <t>ミナミ</t>
    </rPh>
    <phoneticPr fontId="6"/>
  </si>
  <si>
    <t>ふじづかようちえん・ほいくえん</t>
    <phoneticPr fontId="6"/>
  </si>
  <si>
    <t>横浜市泉区下飯田町892番地</t>
    <rPh sb="0" eb="3">
      <t>ヨコハマシ</t>
    </rPh>
    <rPh sb="3" eb="5">
      <t>イズミク</t>
    </rPh>
    <rPh sb="5" eb="6">
      <t>シモ</t>
    </rPh>
    <rPh sb="6" eb="8">
      <t>イイダ</t>
    </rPh>
    <rPh sb="8" eb="9">
      <t>マチ</t>
    </rPh>
    <rPh sb="12" eb="14">
      <t>バンチ</t>
    </rPh>
    <phoneticPr fontId="6"/>
  </si>
  <si>
    <t>あきば幼保連携型認定こども園</t>
    <phoneticPr fontId="6"/>
  </si>
  <si>
    <t>横浜市戸塚区秋葉町520-88</t>
    <rPh sb="0" eb="3">
      <t>ヨコハマシ</t>
    </rPh>
    <rPh sb="3" eb="6">
      <t>トツカク</t>
    </rPh>
    <rPh sb="6" eb="8">
      <t>アキバ</t>
    </rPh>
    <rPh sb="8" eb="9">
      <t>マチ</t>
    </rPh>
    <phoneticPr fontId="6"/>
  </si>
  <si>
    <t>幼保連携型認定こども園　ＹＭＣＡとつか保育園</t>
  </si>
  <si>
    <t>横浜市戸塚区上倉田町865-71</t>
    <rPh sb="0" eb="3">
      <t>ヨコハマシ</t>
    </rPh>
    <rPh sb="3" eb="6">
      <t>トツカク</t>
    </rPh>
    <rPh sb="6" eb="7">
      <t>カミ</t>
    </rPh>
    <rPh sb="7" eb="9">
      <t>クラタ</t>
    </rPh>
    <rPh sb="9" eb="10">
      <t>マチ</t>
    </rPh>
    <phoneticPr fontId="6"/>
  </si>
  <si>
    <t>幼保連携型認定こども園　ＹＭＣＡつるみ保育園</t>
  </si>
  <si>
    <t>横浜市鶴見区平安町2-28-1
ヨコハマアイランドガーデン</t>
    <rPh sb="0" eb="3">
      <t>ヨコハマシ</t>
    </rPh>
    <rPh sb="3" eb="6">
      <t>ツルミク</t>
    </rPh>
    <rPh sb="6" eb="9">
      <t>ヘイアンチョウ</t>
    </rPh>
    <phoneticPr fontId="6"/>
  </si>
  <si>
    <t>うちゅうこども園やまて</t>
  </si>
  <si>
    <t>横浜市中区千代崎町1-25-23</t>
    <rPh sb="0" eb="3">
      <t>ヨコハマシ</t>
    </rPh>
    <rPh sb="3" eb="5">
      <t>ナカク</t>
    </rPh>
    <rPh sb="5" eb="8">
      <t>チヨサキ</t>
    </rPh>
    <rPh sb="8" eb="9">
      <t>マチ</t>
    </rPh>
    <phoneticPr fontId="6"/>
  </si>
  <si>
    <t>認定こども園　あざみ野白ゆり幼稚園</t>
    <rPh sb="0" eb="6">
      <t>ニンテイ</t>
    </rPh>
    <rPh sb="11" eb="12">
      <t>シラ</t>
    </rPh>
    <rPh sb="14" eb="17">
      <t>ヨウチエン</t>
    </rPh>
    <phoneticPr fontId="6"/>
  </si>
  <si>
    <t>横浜市青葉区大場町596番地</t>
    <rPh sb="0" eb="3">
      <t>ヨコハマシ</t>
    </rPh>
    <rPh sb="6" eb="8">
      <t>オオバ</t>
    </rPh>
    <rPh sb="8" eb="9">
      <t>マチ</t>
    </rPh>
    <rPh sb="12" eb="14">
      <t>バンチ</t>
    </rPh>
    <phoneticPr fontId="6"/>
  </si>
  <si>
    <t>うちゅうこども園たんまち</t>
    <phoneticPr fontId="6"/>
  </si>
  <si>
    <t>横浜市神奈川区上反町1-10-5</t>
    <rPh sb="0" eb="3">
      <t>ヨコハマシ</t>
    </rPh>
    <rPh sb="3" eb="7">
      <t>カナガワク</t>
    </rPh>
    <rPh sb="7" eb="10">
      <t>カミタンマチ</t>
    </rPh>
    <phoneticPr fontId="6"/>
  </si>
  <si>
    <t>しんよしだこども園</t>
    <rPh sb="8" eb="9">
      <t>エン</t>
    </rPh>
    <phoneticPr fontId="6"/>
  </si>
  <si>
    <t>横浜市港北区新吉田東6-17-3</t>
    <rPh sb="0" eb="2">
      <t>ヨコハマ</t>
    </rPh>
    <rPh sb="2" eb="3">
      <t>シ</t>
    </rPh>
    <rPh sb="3" eb="6">
      <t>コウホクク</t>
    </rPh>
    <rPh sb="6" eb="9">
      <t>シンヨシダ</t>
    </rPh>
    <rPh sb="9" eb="10">
      <t>ヒガシ</t>
    </rPh>
    <phoneticPr fontId="6"/>
  </si>
  <si>
    <t>幼保連携型認定こども園岸根こども園</t>
    <rPh sb="0" eb="5">
      <t>ヨウホ</t>
    </rPh>
    <rPh sb="5" eb="11">
      <t>ニンテイ</t>
    </rPh>
    <rPh sb="11" eb="13">
      <t>キシネ</t>
    </rPh>
    <rPh sb="16" eb="17">
      <t>エン</t>
    </rPh>
    <phoneticPr fontId="6"/>
  </si>
  <si>
    <t>横浜市港北区岸根町685-12</t>
    <rPh sb="0" eb="3">
      <t>ヨコハマシ</t>
    </rPh>
    <rPh sb="3" eb="6">
      <t>コウホクク</t>
    </rPh>
    <rPh sb="6" eb="8">
      <t>キシネ</t>
    </rPh>
    <rPh sb="8" eb="9">
      <t>マチ</t>
    </rPh>
    <phoneticPr fontId="6"/>
  </si>
  <si>
    <t>幼保連携型認定こども園二ツ橋あいりん幼稚園</t>
    <rPh sb="0" eb="11">
      <t>ヨウホニンテイ</t>
    </rPh>
    <rPh sb="5" eb="11">
      <t>ニンテイ</t>
    </rPh>
    <phoneticPr fontId="6"/>
  </si>
  <si>
    <t>横浜市瀬谷区二ツ橋町144番地</t>
    <phoneticPr fontId="6"/>
  </si>
  <si>
    <t>横濱中華幼保園</t>
    <phoneticPr fontId="6"/>
  </si>
  <si>
    <t>横浜市中区山下町142番地</t>
    <rPh sb="0" eb="2">
      <t>ヨコハマ</t>
    </rPh>
    <rPh sb="2" eb="3">
      <t>シ</t>
    </rPh>
    <rPh sb="3" eb="5">
      <t>ナカク</t>
    </rPh>
    <rPh sb="5" eb="8">
      <t>ヤマシタチョウ</t>
    </rPh>
    <rPh sb="11" eb="12">
      <t>バン</t>
    </rPh>
    <rPh sb="12" eb="13">
      <t>チ</t>
    </rPh>
    <phoneticPr fontId="6"/>
  </si>
  <si>
    <t>幼保連携型</t>
    <phoneticPr fontId="6"/>
  </si>
  <si>
    <t>幼保連携型認定こども園　森が丘幼稚園</t>
    <rPh sb="0" eb="5">
      <t>ヨウホ</t>
    </rPh>
    <rPh sb="5" eb="7">
      <t>ニンテイ</t>
    </rPh>
    <rPh sb="10" eb="11">
      <t>エン</t>
    </rPh>
    <rPh sb="12" eb="13">
      <t>モリ</t>
    </rPh>
    <rPh sb="14" eb="18">
      <t>オカヨウチエン</t>
    </rPh>
    <phoneticPr fontId="0"/>
  </si>
  <si>
    <t>横浜市港南区笹下1-11-16</t>
    <rPh sb="0" eb="3">
      <t>ヨコハマシ</t>
    </rPh>
    <rPh sb="3" eb="6">
      <t>コウナンク</t>
    </rPh>
    <rPh sb="6" eb="8">
      <t>ササシタ</t>
    </rPh>
    <phoneticPr fontId="6"/>
  </si>
  <si>
    <t>幼保連携型認定こども園　宮の台幼稚園</t>
    <rPh sb="0" eb="5">
      <t>ヨウホ</t>
    </rPh>
    <rPh sb="5" eb="7">
      <t>ニンテイ</t>
    </rPh>
    <rPh sb="10" eb="11">
      <t>エン</t>
    </rPh>
    <rPh sb="12" eb="13">
      <t>ミヤ</t>
    </rPh>
    <rPh sb="14" eb="18">
      <t>ダイヨウチエン</t>
    </rPh>
    <phoneticPr fontId="0"/>
  </si>
  <si>
    <t>横浜市泉区中田北３丁目29-1</t>
    <rPh sb="0" eb="3">
      <t>ヨコハマシ</t>
    </rPh>
    <rPh sb="3" eb="5">
      <t>イズミク</t>
    </rPh>
    <rPh sb="5" eb="7">
      <t>ナカタ</t>
    </rPh>
    <rPh sb="7" eb="8">
      <t>キタ</t>
    </rPh>
    <rPh sb="9" eb="11">
      <t>チョウメ</t>
    </rPh>
    <phoneticPr fontId="6"/>
  </si>
  <si>
    <t>つどいの森もみの木こども園</t>
    <rPh sb="4" eb="5">
      <t>モリ</t>
    </rPh>
    <rPh sb="8" eb="9">
      <t>キ</t>
    </rPh>
    <rPh sb="12" eb="13">
      <t>エン</t>
    </rPh>
    <phoneticPr fontId="0"/>
  </si>
  <si>
    <t>横浜市青葉区もみの木台16-13</t>
    <rPh sb="0" eb="3">
      <t>ヨコハマシ</t>
    </rPh>
    <rPh sb="9" eb="10">
      <t>キ</t>
    </rPh>
    <rPh sb="10" eb="11">
      <t>ダイ</t>
    </rPh>
    <phoneticPr fontId="6"/>
  </si>
  <si>
    <t>幼保連携型認定こども園　ＹＭＣＡいずみ保育園</t>
    <rPh sb="0" eb="2">
      <t>ヨウホ</t>
    </rPh>
    <rPh sb="2" eb="5">
      <t>レンケイガタ</t>
    </rPh>
    <rPh sb="5" eb="7">
      <t>ニンテイ</t>
    </rPh>
    <rPh sb="10" eb="11">
      <t>エン</t>
    </rPh>
    <rPh sb="19" eb="22">
      <t>ホイクエン</t>
    </rPh>
    <phoneticPr fontId="0"/>
  </si>
  <si>
    <t>横浜市泉区上飯田町1872番地1</t>
    <rPh sb="0" eb="3">
      <t>ヨコハマシ</t>
    </rPh>
    <rPh sb="3" eb="5">
      <t>イズミク</t>
    </rPh>
    <rPh sb="5" eb="8">
      <t>カミイイダ</t>
    </rPh>
    <rPh sb="8" eb="9">
      <t>マチ</t>
    </rPh>
    <rPh sb="13" eb="14">
      <t>バン</t>
    </rPh>
    <rPh sb="14" eb="15">
      <t>チ</t>
    </rPh>
    <phoneticPr fontId="6"/>
  </si>
  <si>
    <t>認定こども園　上飯田幼稚園</t>
    <rPh sb="0" eb="2">
      <t>ニンテイ</t>
    </rPh>
    <rPh sb="5" eb="6">
      <t>エン</t>
    </rPh>
    <rPh sb="7" eb="8">
      <t>ウエ</t>
    </rPh>
    <rPh sb="8" eb="10">
      <t>イイダ</t>
    </rPh>
    <rPh sb="10" eb="13">
      <t>ヨウチエン</t>
    </rPh>
    <phoneticPr fontId="6"/>
  </si>
  <si>
    <t>横浜市泉区上飯田町2106</t>
    <rPh sb="0" eb="3">
      <t>ヨコハマシ</t>
    </rPh>
    <rPh sb="3" eb="5">
      <t>イズミク</t>
    </rPh>
    <rPh sb="5" eb="6">
      <t>ウエ</t>
    </rPh>
    <rPh sb="6" eb="8">
      <t>イイダ</t>
    </rPh>
    <rPh sb="8" eb="9">
      <t>マチ</t>
    </rPh>
    <phoneticPr fontId="6"/>
  </si>
  <si>
    <t>幼保連携型認定こども園若葉台こども園</t>
    <rPh sb="0" eb="2">
      <t>ヨウホ</t>
    </rPh>
    <rPh sb="2" eb="5">
      <t>レンケイガタ</t>
    </rPh>
    <rPh sb="5" eb="7">
      <t>ニンテイ</t>
    </rPh>
    <rPh sb="10" eb="11">
      <t>エン</t>
    </rPh>
    <rPh sb="11" eb="14">
      <t>ワカバダイ</t>
    </rPh>
    <rPh sb="17" eb="18">
      <t>エン</t>
    </rPh>
    <phoneticPr fontId="6"/>
  </si>
  <si>
    <t>横浜市旭区若葉台2-20-1</t>
    <rPh sb="0" eb="3">
      <t>ヨコハマシ</t>
    </rPh>
    <rPh sb="5" eb="8">
      <t>ワカバダイ</t>
    </rPh>
    <phoneticPr fontId="6"/>
  </si>
  <si>
    <t>川井宿幼保連携型認定こども園</t>
    <rPh sb="0" eb="2">
      <t>カワイ</t>
    </rPh>
    <rPh sb="2" eb="3">
      <t>ヤド</t>
    </rPh>
    <rPh sb="3" eb="10">
      <t>ヨウホレンケイガタニンテイ</t>
    </rPh>
    <rPh sb="13" eb="14">
      <t>エン</t>
    </rPh>
    <phoneticPr fontId="6"/>
  </si>
  <si>
    <t>横浜市旭区都岡町98-1</t>
    <rPh sb="0" eb="3">
      <t>ヨコハマシ</t>
    </rPh>
    <rPh sb="3" eb="5">
      <t>アサヒク</t>
    </rPh>
    <rPh sb="5" eb="6">
      <t>ミヤコ</t>
    </rPh>
    <rPh sb="6" eb="7">
      <t>オカ</t>
    </rPh>
    <rPh sb="7" eb="8">
      <t>マチ</t>
    </rPh>
    <phoneticPr fontId="6"/>
  </si>
  <si>
    <t>認定こども園　上の原幼稚園</t>
    <phoneticPr fontId="6"/>
  </si>
  <si>
    <t>旭区小高町５６－２</t>
    <phoneticPr fontId="6"/>
  </si>
  <si>
    <t>荏田北幼保連携型認定こども園</t>
    <phoneticPr fontId="6"/>
  </si>
  <si>
    <t>横浜市青葉区荏田北3－6－14</t>
    <phoneticPr fontId="6"/>
  </si>
  <si>
    <t>幼保連携型認定こども園　ＹＭＣＡ東とつか保育園</t>
    <phoneticPr fontId="6"/>
  </si>
  <si>
    <t>横浜市戸塚区上品濃１－１５</t>
  </si>
  <si>
    <t>認定こども園 竹の子幼稚園</t>
    <phoneticPr fontId="6"/>
  </si>
  <si>
    <t>横浜市港南区日野7-35-7</t>
    <rPh sb="0" eb="3">
      <t>ヨコハマシ</t>
    </rPh>
    <rPh sb="3" eb="6">
      <t>コウナンク</t>
    </rPh>
    <rPh sb="6" eb="8">
      <t>ヒノ</t>
    </rPh>
    <phoneticPr fontId="6"/>
  </si>
  <si>
    <t>認定こども園 日野幼稚園</t>
    <phoneticPr fontId="6"/>
  </si>
  <si>
    <t>横浜市港南区日野5-12-14</t>
    <rPh sb="0" eb="3">
      <t>ヨコハマシ</t>
    </rPh>
    <rPh sb="3" eb="6">
      <t>コウナンク</t>
    </rPh>
    <rPh sb="6" eb="8">
      <t>ヒノ</t>
    </rPh>
    <phoneticPr fontId="6"/>
  </si>
  <si>
    <t>認定こども園 横浜あすか幼稚園</t>
    <phoneticPr fontId="6"/>
  </si>
  <si>
    <t>横浜市緑区霧が丘3-18-1</t>
    <rPh sb="0" eb="3">
      <t>ヨコハマシ</t>
    </rPh>
    <rPh sb="3" eb="5">
      <t>ミドリク</t>
    </rPh>
    <rPh sb="5" eb="6">
      <t>キリ</t>
    </rPh>
    <rPh sb="7" eb="8">
      <t>オカ</t>
    </rPh>
    <phoneticPr fontId="6"/>
  </si>
  <si>
    <t>認定こども園 横浜マドカ幼稚園</t>
    <phoneticPr fontId="6"/>
  </si>
  <si>
    <t>横浜市緑区霧が丘6-14</t>
    <rPh sb="0" eb="3">
      <t>ヨコハマシ</t>
    </rPh>
    <rPh sb="3" eb="5">
      <t>ミドリク</t>
    </rPh>
    <rPh sb="5" eb="6">
      <t>キリ</t>
    </rPh>
    <rPh sb="7" eb="8">
      <t>オカ</t>
    </rPh>
    <phoneticPr fontId="6"/>
  </si>
  <si>
    <t>認定こども園 横浜黎明幼稚園</t>
    <phoneticPr fontId="6"/>
  </si>
  <si>
    <t>横浜市都筑区東山田1-27-5</t>
    <rPh sb="0" eb="3">
      <t>ヨコハマシ</t>
    </rPh>
    <rPh sb="3" eb="6">
      <t>ツヅキク</t>
    </rPh>
    <rPh sb="6" eb="7">
      <t>ヒガシ</t>
    </rPh>
    <rPh sb="7" eb="9">
      <t>ヤマダ</t>
    </rPh>
    <phoneticPr fontId="6"/>
  </si>
  <si>
    <t>認定こども園　若葉幼稚園</t>
    <phoneticPr fontId="6"/>
  </si>
  <si>
    <t>横浜市鶴見区寺谷２丁目12-26</t>
    <rPh sb="0" eb="3">
      <t>ヨコハマシ</t>
    </rPh>
    <rPh sb="3" eb="6">
      <t>ツルミク</t>
    </rPh>
    <rPh sb="6" eb="8">
      <t>テラタニ</t>
    </rPh>
    <rPh sb="9" eb="11">
      <t>チョウメ</t>
    </rPh>
    <phoneticPr fontId="6"/>
  </si>
  <si>
    <t>認定こども園　野庭聖佳幼稚園</t>
    <phoneticPr fontId="6"/>
  </si>
  <si>
    <t>横浜市港南区野庭町626</t>
    <rPh sb="0" eb="3">
      <t>ヨコハマシ</t>
    </rPh>
    <rPh sb="3" eb="6">
      <t>コウナンク</t>
    </rPh>
    <rPh sb="6" eb="9">
      <t>ノバチョウ</t>
    </rPh>
    <phoneticPr fontId="6"/>
  </si>
  <si>
    <t>認定こども園　岡津幼稚園</t>
    <phoneticPr fontId="6"/>
  </si>
  <si>
    <t>横浜市泉区岡津町2727</t>
    <rPh sb="0" eb="3">
      <t>ヨコハマシ</t>
    </rPh>
    <rPh sb="3" eb="5">
      <t>イズミク</t>
    </rPh>
    <rPh sb="5" eb="7">
      <t>オカツ</t>
    </rPh>
    <rPh sb="7" eb="8">
      <t>チョウ</t>
    </rPh>
    <phoneticPr fontId="6"/>
  </si>
  <si>
    <t>認定こども園　しらかば幼稚園</t>
  </si>
  <si>
    <t>横浜市戸塚区矢部町1169番地</t>
    <rPh sb="0" eb="3">
      <t>ヨコハマシ</t>
    </rPh>
    <rPh sb="3" eb="6">
      <t>トツカク</t>
    </rPh>
    <rPh sb="6" eb="9">
      <t>ヤベマチ</t>
    </rPh>
    <rPh sb="13" eb="15">
      <t>バンチ</t>
    </rPh>
    <phoneticPr fontId="6"/>
  </si>
  <si>
    <t>認定こども園　高木学園附属幼稚園</t>
  </si>
  <si>
    <t>横浜市港北区菊名7-3-30</t>
    <rPh sb="0" eb="3">
      <t>ヨコハマシ</t>
    </rPh>
    <rPh sb="3" eb="6">
      <t>コウホクク</t>
    </rPh>
    <rPh sb="6" eb="8">
      <t>キクナ</t>
    </rPh>
    <phoneticPr fontId="6"/>
  </si>
  <si>
    <t>幼稚園型認定こども園ナザレ幼稚園</t>
    <rPh sb="0" eb="3">
      <t>ヨウチエン</t>
    </rPh>
    <rPh sb="3" eb="4">
      <t>ガタ</t>
    </rPh>
    <phoneticPr fontId="6"/>
  </si>
  <si>
    <t>横浜市青葉区鴨志田町1264</t>
    <rPh sb="0" eb="3">
      <t>ヨコハマシ</t>
    </rPh>
    <rPh sb="3" eb="6">
      <t>アオバク</t>
    </rPh>
    <rPh sb="6" eb="9">
      <t>カモシダ</t>
    </rPh>
    <rPh sb="9" eb="10">
      <t>マチ</t>
    </rPh>
    <phoneticPr fontId="6"/>
  </si>
  <si>
    <t>認定こども園　大谷幼稚園</t>
    <rPh sb="0" eb="6">
      <t>ニンテイ</t>
    </rPh>
    <rPh sb="7" eb="9">
      <t>オオタニ</t>
    </rPh>
    <rPh sb="9" eb="12">
      <t>ヨウチエン</t>
    </rPh>
    <phoneticPr fontId="6"/>
  </si>
  <si>
    <t>横浜市港南区日野1-10-15</t>
    <rPh sb="0" eb="3">
      <t>ヨコハマシ</t>
    </rPh>
    <rPh sb="3" eb="6">
      <t>コウナンク</t>
    </rPh>
    <rPh sb="6" eb="8">
      <t>ヒノ</t>
    </rPh>
    <phoneticPr fontId="6"/>
  </si>
  <si>
    <t>認定こども園　大場白ゆり幼稚園</t>
    <rPh sb="0" eb="6">
      <t>ニンテイ</t>
    </rPh>
    <rPh sb="7" eb="9">
      <t>オオバ</t>
    </rPh>
    <rPh sb="9" eb="10">
      <t>シラ</t>
    </rPh>
    <rPh sb="12" eb="15">
      <t>ヨウチ</t>
    </rPh>
    <phoneticPr fontId="6"/>
  </si>
  <si>
    <t>横浜市青葉区大場231番地</t>
    <rPh sb="0" eb="3">
      <t>ヨコハマシ</t>
    </rPh>
    <rPh sb="6" eb="8">
      <t>オオバ</t>
    </rPh>
    <rPh sb="11" eb="13">
      <t>バンチ</t>
    </rPh>
    <phoneticPr fontId="6"/>
  </si>
  <si>
    <t>認定こども園　新羽幼稚園</t>
    <rPh sb="0" eb="6">
      <t>ニンテイ</t>
    </rPh>
    <rPh sb="7" eb="9">
      <t>ニッパ</t>
    </rPh>
    <rPh sb="9" eb="12">
      <t>ヨウチ</t>
    </rPh>
    <phoneticPr fontId="6"/>
  </si>
  <si>
    <t>横浜市港北区新羽町2876番地</t>
    <rPh sb="0" eb="3">
      <t>ヨコハマシ</t>
    </rPh>
    <rPh sb="3" eb="5">
      <t>コウホク</t>
    </rPh>
    <rPh sb="5" eb="6">
      <t>ク</t>
    </rPh>
    <rPh sb="6" eb="8">
      <t>ニッパ</t>
    </rPh>
    <rPh sb="8" eb="9">
      <t>マチ</t>
    </rPh>
    <rPh sb="13" eb="14">
      <t>バン</t>
    </rPh>
    <rPh sb="14" eb="15">
      <t>チ</t>
    </rPh>
    <phoneticPr fontId="6"/>
  </si>
  <si>
    <t>認定こども園　しのはら幼稚園</t>
    <phoneticPr fontId="6"/>
  </si>
  <si>
    <t>神奈川県横浜市港北区篠原町１１６３</t>
    <phoneticPr fontId="6"/>
  </si>
  <si>
    <t>川崎市
21件</t>
    <phoneticPr fontId="6"/>
  </si>
  <si>
    <t>田園調布学園大学みらいこども園</t>
    <phoneticPr fontId="6"/>
  </si>
  <si>
    <t>川崎市中原区下新城1-15-3</t>
    <phoneticPr fontId="6"/>
  </si>
  <si>
    <t>認定こども園健爽学園ゆりかご幼稚園</t>
  </si>
  <si>
    <t>川崎市宮前区犬蔵1-19-16</t>
  </si>
  <si>
    <t>幼保連携型</t>
    <rPh sb="0" eb="1">
      <t>ヨウ</t>
    </rPh>
    <rPh sb="1" eb="2">
      <t>タモツ</t>
    </rPh>
    <rPh sb="2" eb="4">
      <t>レンケイ</t>
    </rPh>
    <rPh sb="4" eb="5">
      <t>カタ</t>
    </rPh>
    <phoneticPr fontId="6"/>
  </si>
  <si>
    <t>宮前おひさまこども園</t>
    <rPh sb="0" eb="2">
      <t>ミヤマエ</t>
    </rPh>
    <rPh sb="9" eb="10">
      <t>エン</t>
    </rPh>
    <phoneticPr fontId="6"/>
  </si>
  <si>
    <t>川崎市宮前区野川1060番地</t>
    <rPh sb="0" eb="3">
      <t>カワサキシ</t>
    </rPh>
    <rPh sb="6" eb="7">
      <t>ノ</t>
    </rPh>
    <rPh sb="7" eb="8">
      <t>カワ</t>
    </rPh>
    <rPh sb="12" eb="14">
      <t>バンチ</t>
    </rPh>
    <phoneticPr fontId="6"/>
  </si>
  <si>
    <t>岸栄光学園　認定こども園　生田ひまわり幼稚園</t>
    <rPh sb="0" eb="1">
      <t>キシ</t>
    </rPh>
    <rPh sb="1" eb="3">
      <t>エイコウ</t>
    </rPh>
    <rPh sb="3" eb="5">
      <t>ガクエン</t>
    </rPh>
    <rPh sb="6" eb="12">
      <t>ニンテイ</t>
    </rPh>
    <rPh sb="13" eb="15">
      <t>イクタ</t>
    </rPh>
    <rPh sb="19" eb="22">
      <t>ヨウチエン</t>
    </rPh>
    <phoneticPr fontId="6"/>
  </si>
  <si>
    <t>川崎市多摩区栗谷1-11-6</t>
    <phoneticPr fontId="6"/>
  </si>
  <si>
    <t>女躰神社こども園</t>
    <rPh sb="0" eb="1">
      <t>オンナ</t>
    </rPh>
    <rPh sb="1" eb="2">
      <t>カラダ</t>
    </rPh>
    <rPh sb="2" eb="4">
      <t>ジンジャ</t>
    </rPh>
    <rPh sb="7" eb="8">
      <t>エン</t>
    </rPh>
    <phoneticPr fontId="6"/>
  </si>
  <si>
    <t>川崎市幸区幸町1-992番地3</t>
    <rPh sb="0" eb="3">
      <t>カワサキシ</t>
    </rPh>
    <rPh sb="3" eb="5">
      <t>サイワイク</t>
    </rPh>
    <rPh sb="5" eb="7">
      <t>サイワイチョウ</t>
    </rPh>
    <rPh sb="12" eb="14">
      <t>バンチ</t>
    </rPh>
    <phoneticPr fontId="6"/>
  </si>
  <si>
    <t>丸山幼稚園</t>
    <phoneticPr fontId="6"/>
  </si>
  <si>
    <t>川崎市多摩区登戸1293</t>
    <rPh sb="0" eb="3">
      <t>カワサキシ</t>
    </rPh>
    <rPh sb="3" eb="6">
      <t>タマク</t>
    </rPh>
    <rPh sb="6" eb="8">
      <t>ノボリト</t>
    </rPh>
    <phoneticPr fontId="6"/>
  </si>
  <si>
    <t>宮前幼稚園</t>
    <rPh sb="0" eb="2">
      <t>ミヤマエ</t>
    </rPh>
    <rPh sb="2" eb="5">
      <t>ヨウチエン</t>
    </rPh>
    <phoneticPr fontId="6"/>
  </si>
  <si>
    <t>川崎市宮前区野川1060</t>
    <rPh sb="0" eb="3">
      <t>カワサキシ</t>
    </rPh>
    <rPh sb="6" eb="7">
      <t>ノ</t>
    </rPh>
    <rPh sb="7" eb="8">
      <t>カワ</t>
    </rPh>
    <phoneticPr fontId="6"/>
  </si>
  <si>
    <t>福音幼稚園</t>
    <rPh sb="0" eb="2">
      <t>フクイン</t>
    </rPh>
    <rPh sb="2" eb="5">
      <t>ヨウチエン</t>
    </rPh>
    <phoneticPr fontId="6"/>
  </si>
  <si>
    <t>川崎市川崎区境町3-12</t>
    <rPh sb="0" eb="3">
      <t>カワサキシ</t>
    </rPh>
    <rPh sb="3" eb="6">
      <t>カワサキク</t>
    </rPh>
    <rPh sb="6" eb="8">
      <t>サカイマチ</t>
    </rPh>
    <phoneticPr fontId="6"/>
  </si>
  <si>
    <t>江川幼稚園</t>
  </si>
  <si>
    <t>川崎市川崎区江川2-5-5</t>
    <rPh sb="0" eb="3">
      <t>カワサキシ</t>
    </rPh>
    <rPh sb="3" eb="6">
      <t>カワサキク</t>
    </rPh>
    <rPh sb="6" eb="8">
      <t>エガワ</t>
    </rPh>
    <phoneticPr fontId="6"/>
  </si>
  <si>
    <t>認定こども園　学校法人健正学園　ゆりかご幼稚園</t>
    <rPh sb="0" eb="6">
      <t>ニンテイ</t>
    </rPh>
    <rPh sb="7" eb="9">
      <t>ガッコウ</t>
    </rPh>
    <rPh sb="9" eb="11">
      <t>ホウジン</t>
    </rPh>
    <rPh sb="11" eb="12">
      <t>ケン</t>
    </rPh>
    <rPh sb="12" eb="13">
      <t>マサ</t>
    </rPh>
    <rPh sb="13" eb="15">
      <t>ガクエン</t>
    </rPh>
    <phoneticPr fontId="6"/>
  </si>
  <si>
    <t>川崎市川崎区小田1-16-16</t>
    <rPh sb="0" eb="3">
      <t>カワサキシ</t>
    </rPh>
    <rPh sb="3" eb="6">
      <t>カワサキク</t>
    </rPh>
    <rPh sb="6" eb="8">
      <t>オダ</t>
    </rPh>
    <phoneticPr fontId="6"/>
  </si>
  <si>
    <t>学校法人武蔵学園　認定こども園東菅幼稚園</t>
    <rPh sb="0" eb="2">
      <t>ガッコウ</t>
    </rPh>
    <rPh sb="2" eb="4">
      <t>ホウジン</t>
    </rPh>
    <rPh sb="4" eb="6">
      <t>ムサシ</t>
    </rPh>
    <rPh sb="6" eb="8">
      <t>ガクエン</t>
    </rPh>
    <rPh sb="9" eb="15">
      <t>ニンテイ</t>
    </rPh>
    <phoneticPr fontId="6"/>
  </si>
  <si>
    <t>川崎市多摩区菅北浦1-6-50</t>
    <rPh sb="0" eb="3">
      <t>カワサキシ</t>
    </rPh>
    <rPh sb="3" eb="6">
      <t>タマク</t>
    </rPh>
    <rPh sb="6" eb="7">
      <t>スゲ</t>
    </rPh>
    <rPh sb="7" eb="9">
      <t>キタウラ</t>
    </rPh>
    <phoneticPr fontId="6"/>
  </si>
  <si>
    <t>新作やはた幼稚園</t>
    <rPh sb="0" eb="2">
      <t>シンサク</t>
    </rPh>
    <rPh sb="5" eb="8">
      <t>ヨウチエン</t>
    </rPh>
    <phoneticPr fontId="6"/>
  </si>
  <si>
    <t>川崎市高津区新作4-19-10</t>
    <rPh sb="0" eb="3">
      <t>カワサキシ</t>
    </rPh>
    <rPh sb="3" eb="6">
      <t>タカツク</t>
    </rPh>
    <rPh sb="6" eb="8">
      <t>シンサク</t>
    </rPh>
    <phoneticPr fontId="6"/>
  </si>
  <si>
    <t>幼稚園型</t>
    <phoneticPr fontId="6"/>
  </si>
  <si>
    <t>認定こども園　津田山幼稚園</t>
    <rPh sb="0" eb="6">
      <t>ニンテイ</t>
    </rPh>
    <rPh sb="7" eb="10">
      <t>ツダヤマ</t>
    </rPh>
    <rPh sb="10" eb="13">
      <t>ヨウチエン</t>
    </rPh>
    <phoneticPr fontId="6"/>
  </si>
  <si>
    <t>川崎市高津区下作延4-30-28</t>
    <rPh sb="0" eb="3">
      <t>カワサキシ</t>
    </rPh>
    <rPh sb="3" eb="6">
      <t>タカツク</t>
    </rPh>
    <rPh sb="6" eb="9">
      <t>シモサクノベ</t>
    </rPh>
    <phoneticPr fontId="6"/>
  </si>
  <si>
    <t>認定こども園　ルミエール幼稚園</t>
    <rPh sb="0" eb="6">
      <t>ニンテイ</t>
    </rPh>
    <rPh sb="12" eb="15">
      <t>ヨウチエン</t>
    </rPh>
    <phoneticPr fontId="6"/>
  </si>
  <si>
    <t>川崎市麻生区百合丘2-13-1</t>
    <rPh sb="0" eb="3">
      <t>カワサキシ</t>
    </rPh>
    <rPh sb="3" eb="6">
      <t>アサオク</t>
    </rPh>
    <rPh sb="6" eb="9">
      <t>ユリガオカ</t>
    </rPh>
    <phoneticPr fontId="6"/>
  </si>
  <si>
    <t>竹園幼稚園</t>
    <rPh sb="0" eb="2">
      <t>タケゾノ</t>
    </rPh>
    <rPh sb="2" eb="5">
      <t>ヨウチエン</t>
    </rPh>
    <phoneticPr fontId="6"/>
  </si>
  <si>
    <t>川崎市川崎区小田3-13-16</t>
    <rPh sb="0" eb="3">
      <t>カワサキシ</t>
    </rPh>
    <rPh sb="3" eb="6">
      <t>カワサキク</t>
    </rPh>
    <rPh sb="6" eb="8">
      <t>オダ</t>
    </rPh>
    <phoneticPr fontId="6"/>
  </si>
  <si>
    <t>川崎青葉幼稚園</t>
    <rPh sb="0" eb="2">
      <t>カワサキ</t>
    </rPh>
    <rPh sb="2" eb="4">
      <t>アオバ</t>
    </rPh>
    <rPh sb="4" eb="7">
      <t>ヨウチエン</t>
    </rPh>
    <phoneticPr fontId="6"/>
  </si>
  <si>
    <t>川崎市麻生区上麻生4-2-2</t>
    <rPh sb="0" eb="3">
      <t>カワサキシ</t>
    </rPh>
    <rPh sb="3" eb="5">
      <t>アソウ</t>
    </rPh>
    <rPh sb="5" eb="6">
      <t>ク</t>
    </rPh>
    <rPh sb="6" eb="7">
      <t>ウエ</t>
    </rPh>
    <rPh sb="7" eb="9">
      <t>アソウ</t>
    </rPh>
    <phoneticPr fontId="6"/>
  </si>
  <si>
    <t>鹿島田幼稚園</t>
    <rPh sb="0" eb="1">
      <t>シカ</t>
    </rPh>
    <rPh sb="1" eb="3">
      <t>シマダ</t>
    </rPh>
    <rPh sb="3" eb="6">
      <t>ヨウチエン</t>
    </rPh>
    <phoneticPr fontId="6"/>
  </si>
  <si>
    <t>川崎市幸区2-22-44</t>
    <rPh sb="0" eb="3">
      <t>カワサキシ</t>
    </rPh>
    <rPh sb="3" eb="5">
      <t>サイワイク</t>
    </rPh>
    <phoneticPr fontId="6"/>
  </si>
  <si>
    <t>宿河原幼稚園</t>
    <rPh sb="0" eb="1">
      <t>ヤド</t>
    </rPh>
    <rPh sb="1" eb="2">
      <t>カワ</t>
    </rPh>
    <rPh sb="2" eb="3">
      <t>ハラ</t>
    </rPh>
    <rPh sb="3" eb="6">
      <t>ヨウチエン</t>
    </rPh>
    <phoneticPr fontId="6"/>
  </si>
  <si>
    <t>川崎市多摩区宿河原2-24-4</t>
    <rPh sb="6" eb="7">
      <t>ヤド</t>
    </rPh>
    <rPh sb="7" eb="8">
      <t>カワ</t>
    </rPh>
    <rPh sb="8" eb="9">
      <t>ハラ</t>
    </rPh>
    <phoneticPr fontId="20"/>
  </si>
  <si>
    <t>川崎協立幼稚園</t>
    <phoneticPr fontId="6"/>
  </si>
  <si>
    <t>神奈川県川崎市川崎区大島3-5-6</t>
    <phoneticPr fontId="6"/>
  </si>
  <si>
    <t>大楽幼稚園</t>
    <phoneticPr fontId="6"/>
  </si>
  <si>
    <t>神奈川県川崎市中原区木月4-22-32</t>
    <phoneticPr fontId="6"/>
  </si>
  <si>
    <t>百合丘めぐみ幼稚園</t>
    <phoneticPr fontId="6"/>
  </si>
  <si>
    <t>神奈川県川崎市麻生区百合丘1丁目12</t>
    <phoneticPr fontId="6"/>
  </si>
  <si>
    <t>相模原市72件</t>
    <phoneticPr fontId="6"/>
  </si>
  <si>
    <t>大島幼稚園</t>
    <rPh sb="0" eb="2">
      <t>オオシマ</t>
    </rPh>
    <rPh sb="2" eb="5">
      <t>ヨウチエン</t>
    </rPh>
    <phoneticPr fontId="6"/>
  </si>
  <si>
    <t>相模原市緑区大島202－1</t>
    <rPh sb="0" eb="4">
      <t>サガミハラシ</t>
    </rPh>
    <rPh sb="4" eb="6">
      <t>ミドリク</t>
    </rPh>
    <rPh sb="6" eb="8">
      <t>オオシマ</t>
    </rPh>
    <phoneticPr fontId="6"/>
  </si>
  <si>
    <t>誠心こども園</t>
    <rPh sb="0" eb="2">
      <t>セイシン</t>
    </rPh>
    <rPh sb="5" eb="6">
      <t>エン</t>
    </rPh>
    <phoneticPr fontId="6"/>
  </si>
  <si>
    <t>相模原市中央区宮下3－16－17</t>
    <rPh sb="0" eb="4">
      <t>サガミハラシ</t>
    </rPh>
    <rPh sb="4" eb="7">
      <t>チュウオウク</t>
    </rPh>
    <rPh sb="7" eb="9">
      <t>ミヤシタ</t>
    </rPh>
    <phoneticPr fontId="6"/>
  </si>
  <si>
    <t>認定こども園モモ</t>
    <rPh sb="0" eb="2">
      <t>ニンテイ</t>
    </rPh>
    <rPh sb="5" eb="6">
      <t>エン</t>
    </rPh>
    <phoneticPr fontId="6"/>
  </si>
  <si>
    <t>相模原市南区鵜森1－21－4</t>
    <rPh sb="0" eb="4">
      <t>サガミハラシ</t>
    </rPh>
    <rPh sb="4" eb="6">
      <t>ミナミク</t>
    </rPh>
    <rPh sb="6" eb="8">
      <t>ウノモリ</t>
    </rPh>
    <phoneticPr fontId="6"/>
  </si>
  <si>
    <t>相模湖こども園</t>
    <rPh sb="0" eb="3">
      <t>サガミコ</t>
    </rPh>
    <rPh sb="6" eb="7">
      <t>エン</t>
    </rPh>
    <phoneticPr fontId="6"/>
  </si>
  <si>
    <t>相模原市緑区与瀬886－7</t>
    <rPh sb="0" eb="4">
      <t>サガミハラシ</t>
    </rPh>
    <rPh sb="4" eb="6">
      <t>ミドリク</t>
    </rPh>
    <rPh sb="6" eb="7">
      <t>アタ</t>
    </rPh>
    <phoneticPr fontId="6"/>
  </si>
  <si>
    <t>認定こども園相模女子大学幼稚部</t>
    <phoneticPr fontId="6"/>
  </si>
  <si>
    <t>相模原市南区文京2-1-1</t>
    <rPh sb="0" eb="4">
      <t>サガミハラシ</t>
    </rPh>
    <rPh sb="4" eb="6">
      <t>ミナミク</t>
    </rPh>
    <rPh sb="6" eb="8">
      <t>ブンキョウ</t>
    </rPh>
    <phoneticPr fontId="6"/>
  </si>
  <si>
    <t>認定こども園相模林間幼稚園</t>
    <rPh sb="0" eb="2">
      <t>ニンテイ</t>
    </rPh>
    <rPh sb="5" eb="6">
      <t>エン</t>
    </rPh>
    <rPh sb="6" eb="8">
      <t>サガミ</t>
    </rPh>
    <rPh sb="8" eb="10">
      <t>リンカン</t>
    </rPh>
    <rPh sb="10" eb="13">
      <t>ヨウチエン</t>
    </rPh>
    <phoneticPr fontId="6"/>
  </si>
  <si>
    <t>相模原市南区上鶴間4-2-1</t>
    <rPh sb="6" eb="9">
      <t>カミツルマ</t>
    </rPh>
    <phoneticPr fontId="6"/>
  </si>
  <si>
    <t>認定こども園ピノ</t>
    <rPh sb="0" eb="2">
      <t>ニンテイ</t>
    </rPh>
    <rPh sb="5" eb="6">
      <t>エン</t>
    </rPh>
    <phoneticPr fontId="6"/>
  </si>
  <si>
    <t>相模原市南区鵜野森1-22-17</t>
    <rPh sb="6" eb="9">
      <t>ウノモリ</t>
    </rPh>
    <phoneticPr fontId="6"/>
  </si>
  <si>
    <t>認定こども園相模野幼稚園</t>
    <phoneticPr fontId="6"/>
  </si>
  <si>
    <t>相模原市緑区二本松3-9-12</t>
    <rPh sb="0" eb="4">
      <t>サガミハラシ</t>
    </rPh>
    <rPh sb="4" eb="6">
      <t>ミドリク</t>
    </rPh>
    <rPh sb="6" eb="9">
      <t>ニホンマツ</t>
    </rPh>
    <phoneticPr fontId="6"/>
  </si>
  <si>
    <t>認定こども園　愛の園こども園
認定こども園　愛の園こども園分園まほろば</t>
    <rPh sb="0" eb="6">
      <t>ニンテイ</t>
    </rPh>
    <rPh sb="7" eb="8">
      <t>アイ</t>
    </rPh>
    <rPh sb="9" eb="10">
      <t>ソノ</t>
    </rPh>
    <rPh sb="13" eb="14">
      <t>エン</t>
    </rPh>
    <rPh sb="15" eb="21">
      <t>ニンテイ</t>
    </rPh>
    <rPh sb="22" eb="23">
      <t>アイ</t>
    </rPh>
    <rPh sb="24" eb="25">
      <t>ソノ</t>
    </rPh>
    <rPh sb="28" eb="29">
      <t>エン</t>
    </rPh>
    <rPh sb="29" eb="31">
      <t>ブンエン</t>
    </rPh>
    <phoneticPr fontId="6"/>
  </si>
  <si>
    <t>相模原市中央区淵野辺1-16-5
相模原市中央区淵野辺1-12-16</t>
    <rPh sb="0" eb="4">
      <t>サガミハラシ</t>
    </rPh>
    <rPh sb="4" eb="7">
      <t>チュウオウク</t>
    </rPh>
    <rPh sb="17" eb="21">
      <t>サガミハラシ</t>
    </rPh>
    <rPh sb="21" eb="24">
      <t>チュウオウク</t>
    </rPh>
    <rPh sb="24" eb="27">
      <t>フチノベ</t>
    </rPh>
    <phoneticPr fontId="6"/>
  </si>
  <si>
    <t>認定こども園　すこやか
認定こども園　すこやか分園はぐくみ</t>
    <rPh sb="0" eb="6">
      <t>ニンテイ</t>
    </rPh>
    <rPh sb="12" eb="18">
      <t>ニンテイ</t>
    </rPh>
    <rPh sb="23" eb="25">
      <t>ブンエン</t>
    </rPh>
    <phoneticPr fontId="6"/>
  </si>
  <si>
    <t>相模原市中央区横山4-12-14
相模原市中央区横山4-12-1　2階</t>
    <rPh sb="0" eb="4">
      <t>サガミハラシ</t>
    </rPh>
    <rPh sb="4" eb="7">
      <t>チュウオウク</t>
    </rPh>
    <rPh sb="7" eb="9">
      <t>ヨコヤマ</t>
    </rPh>
    <rPh sb="17" eb="21">
      <t>サガミハラシ</t>
    </rPh>
    <rPh sb="21" eb="24">
      <t>チュウオウク</t>
    </rPh>
    <rPh sb="24" eb="26">
      <t>ヨコヤマ</t>
    </rPh>
    <rPh sb="34" eb="35">
      <t>カイ</t>
    </rPh>
    <phoneticPr fontId="6"/>
  </si>
  <si>
    <t>認定こども園　きらきら
認定こども園　きらきら分園やまと</t>
    <rPh sb="0" eb="6">
      <t>ニンテイ</t>
    </rPh>
    <rPh sb="12" eb="18">
      <t>ニンテイ</t>
    </rPh>
    <rPh sb="23" eb="25">
      <t>ブンエン</t>
    </rPh>
    <phoneticPr fontId="6"/>
  </si>
  <si>
    <t>相模原市緑区下九沢1520-1
相模原市緑区下九沢1522-1</t>
    <rPh sb="0" eb="4">
      <t>サガミハラシ</t>
    </rPh>
    <rPh sb="4" eb="6">
      <t>ミドリク</t>
    </rPh>
    <rPh sb="6" eb="9">
      <t>シモクザワ</t>
    </rPh>
    <rPh sb="16" eb="20">
      <t>サガミハラシ</t>
    </rPh>
    <rPh sb="20" eb="22">
      <t>ミドリク</t>
    </rPh>
    <rPh sb="22" eb="25">
      <t>シモクザワ</t>
    </rPh>
    <phoneticPr fontId="6"/>
  </si>
  <si>
    <t>認定こども園　ふちのべ美邦こども園</t>
    <rPh sb="0" eb="6">
      <t>ニンテイ</t>
    </rPh>
    <rPh sb="11" eb="12">
      <t>ウツク</t>
    </rPh>
    <rPh sb="12" eb="13">
      <t>クニ</t>
    </rPh>
    <rPh sb="16" eb="17">
      <t>エン</t>
    </rPh>
    <phoneticPr fontId="6"/>
  </si>
  <si>
    <t>相模原市中央区共和1-4-3</t>
    <rPh sb="0" eb="4">
      <t>サガミハラシ</t>
    </rPh>
    <rPh sb="4" eb="7">
      <t>チュウオウク</t>
    </rPh>
    <rPh sb="7" eb="9">
      <t>キョウワ</t>
    </rPh>
    <phoneticPr fontId="6"/>
  </si>
  <si>
    <t>幼保連携型認定こども園　おおのだい</t>
    <rPh sb="0" eb="5">
      <t>ヨウホ</t>
    </rPh>
    <rPh sb="5" eb="11">
      <t>ニンテイ</t>
    </rPh>
    <phoneticPr fontId="6"/>
  </si>
  <si>
    <t>相模原市南区大野台4-3-20</t>
    <rPh sb="0" eb="4">
      <t>サガミハラシ</t>
    </rPh>
    <rPh sb="4" eb="6">
      <t>ミナミク</t>
    </rPh>
    <rPh sb="6" eb="9">
      <t>オオノダイ</t>
    </rPh>
    <phoneticPr fontId="6"/>
  </si>
  <si>
    <t>幼保連携型認定こども園　まつがえこども園</t>
    <rPh sb="0" eb="5">
      <t>ヨウホ</t>
    </rPh>
    <rPh sb="5" eb="11">
      <t>ニンテイ</t>
    </rPh>
    <rPh sb="19" eb="20">
      <t>エン</t>
    </rPh>
    <phoneticPr fontId="6"/>
  </si>
  <si>
    <t>相模原市南区松が枝町10-14</t>
    <rPh sb="0" eb="4">
      <t>サガミハラシ</t>
    </rPh>
    <rPh sb="4" eb="6">
      <t>ミナミク</t>
    </rPh>
    <rPh sb="6" eb="7">
      <t>マツ</t>
    </rPh>
    <rPh sb="8" eb="10">
      <t>エマチ</t>
    </rPh>
    <phoneticPr fontId="6"/>
  </si>
  <si>
    <t>幼保連携型認定こども園　清水こども園</t>
    <rPh sb="0" eb="5">
      <t>ヨウホ</t>
    </rPh>
    <rPh sb="5" eb="11">
      <t>ニンテイ</t>
    </rPh>
    <rPh sb="12" eb="14">
      <t>シミズ</t>
    </rPh>
    <rPh sb="17" eb="18">
      <t>エン</t>
    </rPh>
    <phoneticPr fontId="6"/>
  </si>
  <si>
    <t>相模原市中央区田名2166-2</t>
    <rPh sb="0" eb="4">
      <t>サガミハラシ</t>
    </rPh>
    <rPh sb="4" eb="7">
      <t>チュウオウク</t>
    </rPh>
    <rPh sb="7" eb="9">
      <t>タナ</t>
    </rPh>
    <phoneticPr fontId="6"/>
  </si>
  <si>
    <t>幼保連携型認定こども園　星ヶ丘二葉園
幼保連携型認定こども園　星ヶ丘二葉園分園</t>
    <rPh sb="0" eb="5">
      <t>ヨウホ</t>
    </rPh>
    <rPh sb="5" eb="11">
      <t>ニンテイ</t>
    </rPh>
    <rPh sb="12" eb="15">
      <t>ホシガオカ</t>
    </rPh>
    <rPh sb="15" eb="17">
      <t>フタバ</t>
    </rPh>
    <rPh sb="17" eb="18">
      <t>エン</t>
    </rPh>
    <rPh sb="19" eb="24">
      <t>ヨウホ</t>
    </rPh>
    <rPh sb="24" eb="30">
      <t>ニンテイ</t>
    </rPh>
    <rPh sb="31" eb="34">
      <t>ホシガオカ</t>
    </rPh>
    <rPh sb="34" eb="36">
      <t>フタバ</t>
    </rPh>
    <rPh sb="36" eb="37">
      <t>エン</t>
    </rPh>
    <rPh sb="37" eb="39">
      <t>ブンエン</t>
    </rPh>
    <phoneticPr fontId="6"/>
  </si>
  <si>
    <t>相模原市中央区星が丘1-16-15
相模原市中央区相模原6-20-1　2階</t>
    <rPh sb="0" eb="4">
      <t>サガミハラシ</t>
    </rPh>
    <rPh sb="4" eb="7">
      <t>チュウオウク</t>
    </rPh>
    <rPh sb="7" eb="8">
      <t>ホシ</t>
    </rPh>
    <rPh sb="9" eb="10">
      <t>オカ</t>
    </rPh>
    <rPh sb="18" eb="22">
      <t>サガミハラシ</t>
    </rPh>
    <rPh sb="22" eb="25">
      <t>チュウオウク</t>
    </rPh>
    <rPh sb="25" eb="28">
      <t>サガミハラ</t>
    </rPh>
    <rPh sb="36" eb="37">
      <t>カイ</t>
    </rPh>
    <phoneticPr fontId="6"/>
  </si>
  <si>
    <t>幼保連携型認定こども園　第二ふたば園</t>
    <rPh sb="0" eb="5">
      <t>ヨウホ</t>
    </rPh>
    <rPh sb="5" eb="11">
      <t>ニンテイ</t>
    </rPh>
    <rPh sb="12" eb="14">
      <t>ダイニ</t>
    </rPh>
    <rPh sb="17" eb="18">
      <t>エン</t>
    </rPh>
    <phoneticPr fontId="6"/>
  </si>
  <si>
    <t>相模原市中央区南橋本1-2-17</t>
    <rPh sb="0" eb="4">
      <t>サガミハラシ</t>
    </rPh>
    <rPh sb="4" eb="7">
      <t>チュウオウク</t>
    </rPh>
    <rPh sb="7" eb="8">
      <t>ミナミ</t>
    </rPh>
    <rPh sb="8" eb="10">
      <t>ハシモト</t>
    </rPh>
    <phoneticPr fontId="6"/>
  </si>
  <si>
    <t>幼保連携型認定こども園　むくどりこども園</t>
    <rPh sb="0" eb="5">
      <t>ヨウホ</t>
    </rPh>
    <rPh sb="5" eb="11">
      <t>ニンテイ</t>
    </rPh>
    <rPh sb="19" eb="20">
      <t>エン</t>
    </rPh>
    <phoneticPr fontId="6"/>
  </si>
  <si>
    <t>相模原市緑区下九沢454</t>
    <rPh sb="0" eb="4">
      <t>サガミハラシ</t>
    </rPh>
    <rPh sb="4" eb="6">
      <t>ミドリク</t>
    </rPh>
    <rPh sb="6" eb="9">
      <t>シモクザワ</t>
    </rPh>
    <phoneticPr fontId="6"/>
  </si>
  <si>
    <t>幼保連携型認定こども園　むくどり風の丘こども園</t>
    <rPh sb="0" eb="5">
      <t>ヨウホ</t>
    </rPh>
    <rPh sb="5" eb="11">
      <t>ニンテイ</t>
    </rPh>
    <rPh sb="16" eb="17">
      <t>カゼ</t>
    </rPh>
    <rPh sb="18" eb="19">
      <t>オカ</t>
    </rPh>
    <rPh sb="22" eb="23">
      <t>エン</t>
    </rPh>
    <phoneticPr fontId="6"/>
  </si>
  <si>
    <t>相模原市緑区下九沢1558-14</t>
    <rPh sb="0" eb="4">
      <t>サガミハラシ</t>
    </rPh>
    <rPh sb="4" eb="6">
      <t>ミドリク</t>
    </rPh>
    <rPh sb="6" eb="9">
      <t>シモクザワ</t>
    </rPh>
    <phoneticPr fontId="6"/>
  </si>
  <si>
    <t>幼保連携型認定こども園　橋本りんごこども園</t>
    <rPh sb="0" eb="5">
      <t>ヨウホ</t>
    </rPh>
    <phoneticPr fontId="6"/>
  </si>
  <si>
    <t>相模原市緑区橋本1-12-25</t>
    <rPh sb="0" eb="4">
      <t>サガミハラシ</t>
    </rPh>
    <rPh sb="4" eb="6">
      <t>ミドリク</t>
    </rPh>
    <rPh sb="6" eb="8">
      <t>ハシモト</t>
    </rPh>
    <phoneticPr fontId="6"/>
  </si>
  <si>
    <t>幼保連携型認定こども園　ひまわり第2こども園</t>
  </si>
  <si>
    <t>相模原市緑区橋本4-18-19</t>
    <rPh sb="0" eb="4">
      <t>サガミハラシ</t>
    </rPh>
    <rPh sb="4" eb="6">
      <t>ミドリク</t>
    </rPh>
    <rPh sb="6" eb="8">
      <t>ハシモト</t>
    </rPh>
    <phoneticPr fontId="6"/>
  </si>
  <si>
    <t>幼保連携型認定こども園　みんなのとっぽこども園</t>
    <rPh sb="0" eb="5">
      <t>ヨウホ</t>
    </rPh>
    <phoneticPr fontId="6"/>
  </si>
  <si>
    <t>相模原市緑区東橋本1-19-12</t>
    <rPh sb="0" eb="4">
      <t>サガミハラシ</t>
    </rPh>
    <rPh sb="4" eb="6">
      <t>ミドリク</t>
    </rPh>
    <rPh sb="6" eb="7">
      <t>ヒガシ</t>
    </rPh>
    <rPh sb="7" eb="9">
      <t>ハシモト</t>
    </rPh>
    <phoneticPr fontId="6"/>
  </si>
  <si>
    <t>幼保連携型認定こども園　東橋本ひまわりこども園</t>
  </si>
  <si>
    <t>相模原市緑区東橋本4-14-36</t>
    <rPh sb="0" eb="4">
      <t>サガミハラシ</t>
    </rPh>
    <rPh sb="4" eb="6">
      <t>ミドリク</t>
    </rPh>
    <rPh sb="6" eb="7">
      <t>ヒガシ</t>
    </rPh>
    <rPh sb="7" eb="9">
      <t>ハシモト</t>
    </rPh>
    <phoneticPr fontId="6"/>
  </si>
  <si>
    <t>幼保連携型認定こども園　むくどり風の森こども園
幼保連携型認定こども園　むくどり風の森こども園分園</t>
    <phoneticPr fontId="6"/>
  </si>
  <si>
    <t>相模原市緑区大島11-147
相模原市緑区上九沢4　市営上九沢団地I棟１Ｆ</t>
    <rPh sb="0" eb="4">
      <t>サガミハラシ</t>
    </rPh>
    <rPh sb="4" eb="6">
      <t>ミドリク</t>
    </rPh>
    <rPh sb="6" eb="8">
      <t>オオシマ</t>
    </rPh>
    <phoneticPr fontId="6"/>
  </si>
  <si>
    <t>横山台こども園</t>
  </si>
  <si>
    <t>相模原市中央区横山台2-24-16</t>
    <rPh sb="0" eb="4">
      <t>サガミハラシ</t>
    </rPh>
    <rPh sb="4" eb="7">
      <t>チュウオウク</t>
    </rPh>
    <rPh sb="7" eb="9">
      <t>ヨコヤマ</t>
    </rPh>
    <rPh sb="9" eb="10">
      <t>ダイ</t>
    </rPh>
    <phoneticPr fontId="6"/>
  </si>
  <si>
    <t>相生こども園</t>
  </si>
  <si>
    <t>相模原市中央区相生2-17-3</t>
    <rPh sb="0" eb="4">
      <t>サガミハラシ</t>
    </rPh>
    <rPh sb="4" eb="7">
      <t>チュウオウク</t>
    </rPh>
    <rPh sb="7" eb="9">
      <t>アイオイ</t>
    </rPh>
    <phoneticPr fontId="6"/>
  </si>
  <si>
    <t>幼保連携型認定こども園　ひかりキッズ
幼保連携型認定こども園　ひかりキッズ分園</t>
    <phoneticPr fontId="6"/>
  </si>
  <si>
    <t>相模原市中央区鹿沼台2-12-15
相模原市中央区鹿沼台1-2-24　１階</t>
    <rPh sb="0" eb="4">
      <t>サガミハラシ</t>
    </rPh>
    <rPh sb="4" eb="7">
      <t>チュウオウク</t>
    </rPh>
    <rPh sb="7" eb="10">
      <t>カヌマダイ</t>
    </rPh>
    <phoneticPr fontId="6"/>
  </si>
  <si>
    <t>たけのうちこども園</t>
  </si>
  <si>
    <t>相模原市中央区東淵野辺4-25-3</t>
    <rPh sb="0" eb="4">
      <t>サガミハラシ</t>
    </rPh>
    <rPh sb="4" eb="7">
      <t>チュウオウク</t>
    </rPh>
    <rPh sb="7" eb="11">
      <t>ヒガシフチノベ</t>
    </rPh>
    <phoneticPr fontId="6"/>
  </si>
  <si>
    <t>古淵あおばこども園
古淵あおばこども園分園バンビーノ</t>
    <phoneticPr fontId="6"/>
  </si>
  <si>
    <t>相模原市南区古淵1-5-3
相模原市南区古淵2-13-8</t>
    <rPh sb="0" eb="4">
      <t>サガミハラシ</t>
    </rPh>
    <rPh sb="4" eb="6">
      <t>ミナミク</t>
    </rPh>
    <rPh sb="6" eb="8">
      <t>コブチ</t>
    </rPh>
    <phoneticPr fontId="6"/>
  </si>
  <si>
    <t>たいようこども園</t>
  </si>
  <si>
    <t>相模原市南区豊町10-5</t>
    <rPh sb="0" eb="4">
      <t>サガミハラシ</t>
    </rPh>
    <rPh sb="4" eb="6">
      <t>ミナミク</t>
    </rPh>
    <rPh sb="6" eb="8">
      <t>ユタカチョウ</t>
    </rPh>
    <phoneticPr fontId="6"/>
  </si>
  <si>
    <t>相武台新日本こども園</t>
  </si>
  <si>
    <t>相模原市南区相武台団地1-4-3</t>
    <rPh sb="0" eb="4">
      <t>サガミハラシ</t>
    </rPh>
    <rPh sb="4" eb="6">
      <t>ミナミク</t>
    </rPh>
    <rPh sb="6" eb="11">
      <t>ソウブダイダンチ</t>
    </rPh>
    <phoneticPr fontId="6"/>
  </si>
  <si>
    <t>二本松こども園</t>
    <rPh sb="0" eb="3">
      <t>ニホンマツ</t>
    </rPh>
    <rPh sb="6" eb="7">
      <t>エン</t>
    </rPh>
    <phoneticPr fontId="6"/>
  </si>
  <si>
    <t>相模原市緑区二本松2-30-30</t>
    <rPh sb="0" eb="4">
      <t>サガミハラシ</t>
    </rPh>
    <rPh sb="4" eb="6">
      <t>ミドリク</t>
    </rPh>
    <rPh sb="6" eb="9">
      <t>ニホンマツ</t>
    </rPh>
    <phoneticPr fontId="6"/>
  </si>
  <si>
    <t>西橋本みたけこども園</t>
    <rPh sb="0" eb="1">
      <t>ニシ</t>
    </rPh>
    <rPh sb="1" eb="3">
      <t>ハシモト</t>
    </rPh>
    <rPh sb="9" eb="10">
      <t>エン</t>
    </rPh>
    <phoneticPr fontId="6"/>
  </si>
  <si>
    <t>相模原市緑区西橋本2-20-12</t>
    <rPh sb="0" eb="4">
      <t>サガミハラシ</t>
    </rPh>
    <rPh sb="4" eb="6">
      <t>ミドリク</t>
    </rPh>
    <rPh sb="6" eb="7">
      <t>ニシ</t>
    </rPh>
    <rPh sb="7" eb="9">
      <t>ハシモト</t>
    </rPh>
    <phoneticPr fontId="6"/>
  </si>
  <si>
    <t>南橋本みたけこども園</t>
    <rPh sb="0" eb="1">
      <t>ミナミ</t>
    </rPh>
    <rPh sb="1" eb="3">
      <t>ハシモト</t>
    </rPh>
    <rPh sb="9" eb="10">
      <t>エン</t>
    </rPh>
    <phoneticPr fontId="6"/>
  </si>
  <si>
    <t>相模原市中央区南橋本3-4-21</t>
    <rPh sb="0" eb="4">
      <t>サガミハラシ</t>
    </rPh>
    <rPh sb="4" eb="6">
      <t>チュウオウ</t>
    </rPh>
    <rPh sb="6" eb="7">
      <t>ク</t>
    </rPh>
    <rPh sb="7" eb="8">
      <t>ミナミ</t>
    </rPh>
    <rPh sb="8" eb="10">
      <t>ハシモト</t>
    </rPh>
    <phoneticPr fontId="6"/>
  </si>
  <si>
    <t>小町通みたけこども園</t>
    <rPh sb="0" eb="2">
      <t>コマチ</t>
    </rPh>
    <rPh sb="2" eb="3">
      <t>トオ</t>
    </rPh>
    <rPh sb="9" eb="10">
      <t>エン</t>
    </rPh>
    <phoneticPr fontId="6"/>
  </si>
  <si>
    <t>相模原市中央区小町通2-2-14</t>
    <rPh sb="0" eb="4">
      <t>サガミハラシ</t>
    </rPh>
    <rPh sb="4" eb="7">
      <t>チュウオウク</t>
    </rPh>
    <rPh sb="7" eb="9">
      <t>コマチ</t>
    </rPh>
    <rPh sb="9" eb="10">
      <t>ドオリ</t>
    </rPh>
    <phoneticPr fontId="6"/>
  </si>
  <si>
    <t>幼保連携型認定こども園　さいわいこども園</t>
    <rPh sb="0" eb="5">
      <t>ヨウホ</t>
    </rPh>
    <rPh sb="19" eb="20">
      <t>エン</t>
    </rPh>
    <phoneticPr fontId="6"/>
  </si>
  <si>
    <t>相模原市南区相模大野9-15-36</t>
    <rPh sb="0" eb="3">
      <t>サガミハラ</t>
    </rPh>
    <rPh sb="3" eb="4">
      <t>シ</t>
    </rPh>
    <rPh sb="4" eb="6">
      <t>ミナミク</t>
    </rPh>
    <rPh sb="6" eb="10">
      <t>サガミオオノ</t>
    </rPh>
    <phoneticPr fontId="6"/>
  </si>
  <si>
    <t>おおさわこども園</t>
    <rPh sb="7" eb="8">
      <t>エン</t>
    </rPh>
    <phoneticPr fontId="6"/>
  </si>
  <si>
    <t>相模原市緑区上九沢267</t>
    <rPh sb="0" eb="4">
      <t>サガミハラシ</t>
    </rPh>
    <rPh sb="4" eb="6">
      <t>ミドリク</t>
    </rPh>
    <rPh sb="6" eb="9">
      <t>カミクザワ</t>
    </rPh>
    <phoneticPr fontId="6"/>
  </si>
  <si>
    <t>幼保連携型</t>
    <rPh sb="0" eb="5">
      <t>ヨウホレンケイガタ</t>
    </rPh>
    <phoneticPr fontId="6"/>
  </si>
  <si>
    <t>幼保連携型認定こども園若松こども園</t>
    <rPh sb="0" eb="7">
      <t>ヨウホレンケイガタニンテイ</t>
    </rPh>
    <rPh sb="10" eb="11">
      <t>エン</t>
    </rPh>
    <rPh sb="11" eb="13">
      <t>ワカマツ</t>
    </rPh>
    <rPh sb="16" eb="17">
      <t>エン</t>
    </rPh>
    <phoneticPr fontId="6"/>
  </si>
  <si>
    <t>相模原市南区若松2-3-7</t>
    <rPh sb="0" eb="4">
      <t>サガミハラシ</t>
    </rPh>
    <rPh sb="4" eb="6">
      <t>ミナミク</t>
    </rPh>
    <rPh sb="6" eb="8">
      <t>ワカマツ</t>
    </rPh>
    <phoneticPr fontId="6"/>
  </si>
  <si>
    <t>幼保連携型認定こども園YMCAオベリン保育園</t>
    <phoneticPr fontId="6"/>
  </si>
  <si>
    <t>相模原市中央区淵野辺３丁目５−４１</t>
    <phoneticPr fontId="6"/>
  </si>
  <si>
    <t>あらいそのこども園</t>
    <phoneticPr fontId="6"/>
  </si>
  <si>
    <t>相模原市南区新磯野3-22-15</t>
    <phoneticPr fontId="6"/>
  </si>
  <si>
    <t>幼保連携型認定こども園橋本幼稚園</t>
    <rPh sb="0" eb="2">
      <t>ヨウホ</t>
    </rPh>
    <rPh sb="2" eb="5">
      <t>レンケイガタ</t>
    </rPh>
    <phoneticPr fontId="6"/>
  </si>
  <si>
    <t>相模原市緑区橋本6-14-1</t>
    <rPh sb="0" eb="4">
      <t>サガミハラシ</t>
    </rPh>
    <rPh sb="4" eb="6">
      <t>ミドリク</t>
    </rPh>
    <phoneticPr fontId="6"/>
  </si>
  <si>
    <t>幼保連携型認定こども園太陽の子幼稚園</t>
    <phoneticPr fontId="6"/>
  </si>
  <si>
    <t>相模原市緑区原宿南3-6-10</t>
  </si>
  <si>
    <t>ふじのこども園</t>
    <phoneticPr fontId="6"/>
  </si>
  <si>
    <t>相模原市緑区吉野1030番地12</t>
    <rPh sb="0" eb="4">
      <t>サガミハラシ</t>
    </rPh>
    <phoneticPr fontId="6"/>
  </si>
  <si>
    <t>認定こども園田名幼稚園</t>
  </si>
  <si>
    <t>相模原市中央区水郷田名1-16-3</t>
    <phoneticPr fontId="6"/>
  </si>
  <si>
    <t>幼稚園型</t>
  </si>
  <si>
    <t>認定こども園ひばりっ子クラブ</t>
  </si>
  <si>
    <t>相模原市中央区淵野辺4-31-7</t>
  </si>
  <si>
    <t>認定こども園城山わかば幼稚園</t>
  </si>
  <si>
    <t>相模原市緑区若葉台6-5-14</t>
  </si>
  <si>
    <t>認定こども園げんきっこ</t>
  </si>
  <si>
    <t>相模原市緑区大島1304-2</t>
  </si>
  <si>
    <t>認定こども園小山白ゆり幼稚園</t>
    <rPh sb="6" eb="8">
      <t>オヤマ</t>
    </rPh>
    <rPh sb="8" eb="9">
      <t>シラ</t>
    </rPh>
    <phoneticPr fontId="6"/>
  </si>
  <si>
    <t>相模原市中央区宮下本町3-4-12</t>
    <rPh sb="7" eb="9">
      <t>ミヤシモ</t>
    </rPh>
    <rPh sb="9" eb="11">
      <t>ホンマチ</t>
    </rPh>
    <phoneticPr fontId="6"/>
  </si>
  <si>
    <t>相模白ゆり幼稚園</t>
    <rPh sb="0" eb="2">
      <t>サガミ</t>
    </rPh>
    <rPh sb="2" eb="3">
      <t>シラ</t>
    </rPh>
    <phoneticPr fontId="6"/>
  </si>
  <si>
    <t>相模原市中央区矢部4-1-20</t>
    <rPh sb="7" eb="9">
      <t>ヤベ</t>
    </rPh>
    <phoneticPr fontId="6"/>
  </si>
  <si>
    <t>中央幼稚園</t>
    <rPh sb="0" eb="2">
      <t>チュウオウ</t>
    </rPh>
    <rPh sb="2" eb="5">
      <t>ヨウチエン</t>
    </rPh>
    <phoneticPr fontId="6"/>
  </si>
  <si>
    <t>相模原市中央区光が丘2-24-1</t>
    <rPh sb="0" eb="4">
      <t>サガミハラシ</t>
    </rPh>
    <rPh sb="4" eb="7">
      <t>チュウオウク</t>
    </rPh>
    <rPh sb="7" eb="8">
      <t>ヒカリ</t>
    </rPh>
    <rPh sb="9" eb="10">
      <t>オカ</t>
    </rPh>
    <phoneticPr fontId="6"/>
  </si>
  <si>
    <t>星が丘幼稚園</t>
    <rPh sb="0" eb="1">
      <t>ホシ</t>
    </rPh>
    <rPh sb="2" eb="3">
      <t>オカ</t>
    </rPh>
    <rPh sb="3" eb="6">
      <t>ヨウチエン</t>
    </rPh>
    <phoneticPr fontId="6"/>
  </si>
  <si>
    <t>相模原市中央区星が丘3-5-10</t>
    <rPh sb="0" eb="4">
      <t>サガミハラシ</t>
    </rPh>
    <rPh sb="4" eb="7">
      <t>チュウオウク</t>
    </rPh>
    <rPh sb="7" eb="8">
      <t>ホシ</t>
    </rPh>
    <rPh sb="9" eb="10">
      <t>オカ</t>
    </rPh>
    <phoneticPr fontId="6"/>
  </si>
  <si>
    <t>よこやま幼稚園</t>
    <rPh sb="4" eb="7">
      <t>ヨウチエン</t>
    </rPh>
    <phoneticPr fontId="6"/>
  </si>
  <si>
    <t>相模原市中央区横山台2-10-8</t>
    <rPh sb="0" eb="4">
      <t>サガミハラシ</t>
    </rPh>
    <rPh sb="4" eb="7">
      <t>チュウオウク</t>
    </rPh>
    <rPh sb="7" eb="9">
      <t>ヨコヤマ</t>
    </rPh>
    <rPh sb="9" eb="10">
      <t>ダイ</t>
    </rPh>
    <phoneticPr fontId="6"/>
  </si>
  <si>
    <t>認定こども園新町幼稚園</t>
    <phoneticPr fontId="6"/>
  </si>
  <si>
    <t>相模原市緑区相原1-20-5</t>
    <rPh sb="0" eb="4">
      <t>サガミハラシ</t>
    </rPh>
    <rPh sb="4" eb="5">
      <t>ミドリ</t>
    </rPh>
    <rPh sb="5" eb="6">
      <t>ク</t>
    </rPh>
    <phoneticPr fontId="6"/>
  </si>
  <si>
    <t>認定こども園てるて幼稚園</t>
    <phoneticPr fontId="6"/>
  </si>
  <si>
    <t>相模原市緑区下九沢441-1</t>
    <rPh sb="0" eb="4">
      <t>サガミハラシ</t>
    </rPh>
    <rPh sb="4" eb="6">
      <t>ミドリク</t>
    </rPh>
    <phoneticPr fontId="6"/>
  </si>
  <si>
    <t>認定こども園相模つばさ幼稚園</t>
    <phoneticPr fontId="6"/>
  </si>
  <si>
    <t>相模原市中央区淵野辺2-22-7</t>
    <rPh sb="0" eb="4">
      <t>サガミハラシ</t>
    </rPh>
    <rPh sb="4" eb="6">
      <t>チュウオウ</t>
    </rPh>
    <rPh sb="6" eb="7">
      <t>ク</t>
    </rPh>
    <phoneticPr fontId="6"/>
  </si>
  <si>
    <t>認定こども園みずほ幼稚園</t>
    <phoneticPr fontId="6"/>
  </si>
  <si>
    <t>相模原市中央区上溝7-31-4</t>
    <rPh sb="0" eb="4">
      <t>サガミハラシ</t>
    </rPh>
    <rPh sb="4" eb="7">
      <t>チュウオウク</t>
    </rPh>
    <phoneticPr fontId="6"/>
  </si>
  <si>
    <t>認定こども園南大野幼稚園</t>
    <phoneticPr fontId="6"/>
  </si>
  <si>
    <t>相模原市南区上鶴間1-3-1</t>
    <rPh sb="0" eb="4">
      <t>サガミハラシ</t>
    </rPh>
    <rPh sb="4" eb="6">
      <t>ミナミク</t>
    </rPh>
    <phoneticPr fontId="6"/>
  </si>
  <si>
    <t>認定こども園　あかね幼稚園</t>
    <rPh sb="0" eb="6">
      <t>ニンテイ</t>
    </rPh>
    <rPh sb="10" eb="13">
      <t>ヨウチエン</t>
    </rPh>
    <phoneticPr fontId="6"/>
  </si>
  <si>
    <t>相模原市中央区下九沢964</t>
    <rPh sb="0" eb="4">
      <t>サガミハラシ</t>
    </rPh>
    <rPh sb="4" eb="7">
      <t>チュウオウク</t>
    </rPh>
    <rPh sb="7" eb="10">
      <t>シモクザワ</t>
    </rPh>
    <phoneticPr fontId="6"/>
  </si>
  <si>
    <t>認定こども園　相模原高等学校付属光明幼稚園</t>
    <rPh sb="0" eb="6">
      <t>ニンテイ</t>
    </rPh>
    <rPh sb="7" eb="10">
      <t>サガミハラ</t>
    </rPh>
    <rPh sb="10" eb="12">
      <t>コウトウ</t>
    </rPh>
    <rPh sb="12" eb="14">
      <t>ガッコウ</t>
    </rPh>
    <rPh sb="14" eb="16">
      <t>フゾク</t>
    </rPh>
    <rPh sb="16" eb="18">
      <t>コウミョウ</t>
    </rPh>
    <rPh sb="18" eb="21">
      <t>ヨウチ</t>
    </rPh>
    <phoneticPr fontId="6"/>
  </si>
  <si>
    <t>相模原市南区当麻870-6</t>
    <rPh sb="0" eb="3">
      <t>サガミハラ</t>
    </rPh>
    <rPh sb="3" eb="4">
      <t>シ</t>
    </rPh>
    <rPh sb="4" eb="6">
      <t>ミナミク</t>
    </rPh>
    <rPh sb="6" eb="8">
      <t>タイマ</t>
    </rPh>
    <phoneticPr fontId="6"/>
  </si>
  <si>
    <t>認定こども園　相模ひまわり幼稚園</t>
    <rPh sb="0" eb="6">
      <t>ニンテイ</t>
    </rPh>
    <rPh sb="7" eb="9">
      <t>サガミ</t>
    </rPh>
    <rPh sb="13" eb="16">
      <t>ヨウチエン</t>
    </rPh>
    <phoneticPr fontId="6"/>
  </si>
  <si>
    <t>相模原市南区東大沼2-7-6</t>
    <rPh sb="0" eb="4">
      <t>サガミハラシ</t>
    </rPh>
    <rPh sb="4" eb="6">
      <t>ミナミク</t>
    </rPh>
    <rPh sb="6" eb="9">
      <t>ヒガシオオヌマ</t>
    </rPh>
    <phoneticPr fontId="6"/>
  </si>
  <si>
    <t>認定こども園　たけのうち幼稚園</t>
    <rPh sb="0" eb="6">
      <t>ニンテイ</t>
    </rPh>
    <rPh sb="12" eb="15">
      <t>ヨウチエン</t>
    </rPh>
    <phoneticPr fontId="6"/>
  </si>
  <si>
    <t>相模原市中央区東淵野辺4-23-20</t>
    <rPh sb="0" eb="4">
      <t>サガミハラシ</t>
    </rPh>
    <rPh sb="4" eb="7">
      <t>チュウオウク</t>
    </rPh>
    <rPh sb="7" eb="8">
      <t>ヒガシ</t>
    </rPh>
    <rPh sb="8" eb="11">
      <t>フチノベ</t>
    </rPh>
    <phoneticPr fontId="6"/>
  </si>
  <si>
    <t>認定こども園　つくしの幼稚園</t>
    <rPh sb="0" eb="6">
      <t>ニンテイ</t>
    </rPh>
    <rPh sb="11" eb="14">
      <t>ヨウチエン</t>
    </rPh>
    <phoneticPr fontId="6"/>
  </si>
  <si>
    <t>相模原市南区新磯野3-22-16</t>
    <rPh sb="0" eb="4">
      <t>サガミハラシ</t>
    </rPh>
    <rPh sb="4" eb="6">
      <t>ミナミク</t>
    </rPh>
    <rPh sb="6" eb="9">
      <t>アライソノ</t>
    </rPh>
    <phoneticPr fontId="6"/>
  </si>
  <si>
    <t>認定こども園　相模すぎのこ幼稚園</t>
    <rPh sb="0" eb="6">
      <t>ニンテイ</t>
    </rPh>
    <rPh sb="7" eb="9">
      <t>サガミ</t>
    </rPh>
    <rPh sb="13" eb="16">
      <t>ヨウチエン</t>
    </rPh>
    <phoneticPr fontId="6"/>
  </si>
  <si>
    <t>相模原市南区古淵3-26-19</t>
    <rPh sb="0" eb="4">
      <t>サガミハラシ</t>
    </rPh>
    <rPh sb="4" eb="6">
      <t>ミナミク</t>
    </rPh>
    <rPh sb="6" eb="8">
      <t>コブチ</t>
    </rPh>
    <phoneticPr fontId="6"/>
  </si>
  <si>
    <t>幼稚園型</t>
    <rPh sb="0" eb="3">
      <t>ヨウチエン</t>
    </rPh>
    <phoneticPr fontId="6"/>
  </si>
  <si>
    <t>認定こども園　うのもり幼稚園</t>
    <rPh sb="0" eb="6">
      <t>ニンテイ</t>
    </rPh>
    <rPh sb="11" eb="14">
      <t>ヨウチエン</t>
    </rPh>
    <phoneticPr fontId="6"/>
  </si>
  <si>
    <t>相模原市南区鵜野森2-11-1</t>
    <rPh sb="0" eb="4">
      <t>サガミハラシ</t>
    </rPh>
    <rPh sb="4" eb="6">
      <t>ミナミク</t>
    </rPh>
    <rPh sb="6" eb="9">
      <t>ウノモリ</t>
    </rPh>
    <phoneticPr fontId="6"/>
  </si>
  <si>
    <t>津久井が丘幼稚園</t>
    <rPh sb="0" eb="3">
      <t>ツクイ</t>
    </rPh>
    <rPh sb="4" eb="5">
      <t>オカ</t>
    </rPh>
    <rPh sb="5" eb="8">
      <t>ヨウチエン</t>
    </rPh>
    <phoneticPr fontId="6"/>
  </si>
  <si>
    <t>相模原市緑区長竹838-1</t>
    <rPh sb="0" eb="4">
      <t>サガミハラシ</t>
    </rPh>
    <rPh sb="4" eb="6">
      <t>ミドリク</t>
    </rPh>
    <rPh sb="6" eb="7">
      <t>ナガ</t>
    </rPh>
    <rPh sb="7" eb="8">
      <t>タケ</t>
    </rPh>
    <phoneticPr fontId="6"/>
  </si>
  <si>
    <t>認定こども園　大野文化幼稚園</t>
    <phoneticPr fontId="6"/>
  </si>
  <si>
    <t>相模原市南区大野台５丁目１−１１</t>
    <phoneticPr fontId="6"/>
  </si>
  <si>
    <t>認定こども園　さがみひかり幼稚園</t>
    <phoneticPr fontId="6"/>
  </si>
  <si>
    <t>相模原市南区麻溝台5-11-6</t>
    <phoneticPr fontId="6"/>
  </si>
  <si>
    <t>どんぐりこども園</t>
  </si>
  <si>
    <t>相模原市中央区上溝4-15-20</t>
    <rPh sb="0" eb="4">
      <t>サガミハラシ</t>
    </rPh>
    <phoneticPr fontId="6"/>
  </si>
  <si>
    <t>りとせ橋本こども園</t>
    <rPh sb="3" eb="5">
      <t>ハシモト</t>
    </rPh>
    <rPh sb="8" eb="9">
      <t>エン</t>
    </rPh>
    <phoneticPr fontId="6"/>
  </si>
  <si>
    <t>相模原市緑区橋本6-22-8</t>
    <rPh sb="0" eb="4">
      <t>サガミハラシ</t>
    </rPh>
    <rPh sb="4" eb="6">
      <t>ミドリク</t>
    </rPh>
    <rPh sb="6" eb="8">
      <t>ハシモト</t>
    </rPh>
    <phoneticPr fontId="6"/>
  </si>
  <si>
    <t>りとせ相模大野こども園</t>
    <rPh sb="3" eb="7">
      <t>サガミオオノ</t>
    </rPh>
    <rPh sb="10" eb="11">
      <t>エン</t>
    </rPh>
    <phoneticPr fontId="6"/>
  </si>
  <si>
    <t>相模原市南区相模大野3-16-18</t>
    <rPh sb="0" eb="4">
      <t>サガミハラシ</t>
    </rPh>
    <rPh sb="4" eb="6">
      <t>ミナミク</t>
    </rPh>
    <rPh sb="6" eb="10">
      <t>サガミオオノ</t>
    </rPh>
    <phoneticPr fontId="6"/>
  </si>
  <si>
    <t>ゆめいろこども園
ゆめいろこども園分園</t>
    <rPh sb="7" eb="8">
      <t>エン</t>
    </rPh>
    <rPh sb="16" eb="17">
      <t>エン</t>
    </rPh>
    <rPh sb="17" eb="19">
      <t>ブンエン</t>
    </rPh>
    <phoneticPr fontId="6"/>
  </si>
  <si>
    <t>相模原市中央区相模原4-8-6　ヴィラ相模原１階
相模原市中央区相模原4-9-6</t>
    <rPh sb="0" eb="4">
      <t>サガミハラシ</t>
    </rPh>
    <rPh sb="4" eb="7">
      <t>チュウオウク</t>
    </rPh>
    <rPh sb="7" eb="9">
      <t>サガミ</t>
    </rPh>
    <rPh sb="9" eb="10">
      <t>ハラ</t>
    </rPh>
    <rPh sb="19" eb="22">
      <t>サガミハラ</t>
    </rPh>
    <rPh sb="23" eb="24">
      <t>カイ</t>
    </rPh>
    <rPh sb="25" eb="29">
      <t>サガミハラシ</t>
    </rPh>
    <rPh sb="29" eb="32">
      <t>チュウオウク</t>
    </rPh>
    <rPh sb="32" eb="35">
      <t>サガミハラ</t>
    </rPh>
    <phoneticPr fontId="22"/>
  </si>
  <si>
    <t>認定こども園ＰＯＫＫＡＰＯＫＫＡ　ＩＮＴＥＲＮＡＴＩＯＮＡＬ</t>
    <rPh sb="0" eb="2">
      <t>ニンテイ</t>
    </rPh>
    <rPh sb="5" eb="6">
      <t>エン</t>
    </rPh>
    <phoneticPr fontId="6"/>
  </si>
  <si>
    <t>相模原市中央区淵野辺本町４丁目１−１７</t>
    <phoneticPr fontId="6"/>
  </si>
  <si>
    <t>横須賀市30件</t>
    <rPh sb="0" eb="3">
      <t>ヨコスカ</t>
    </rPh>
    <rPh sb="3" eb="4">
      <t>シ</t>
    </rPh>
    <rPh sb="6" eb="7">
      <t>ケン</t>
    </rPh>
    <phoneticPr fontId="6"/>
  </si>
  <si>
    <t>認定こども園  追浜幼稚園</t>
    <rPh sb="0" eb="2">
      <t>ニンテイ</t>
    </rPh>
    <rPh sb="5" eb="6">
      <t>エン</t>
    </rPh>
    <rPh sb="8" eb="10">
      <t>オッパマ</t>
    </rPh>
    <rPh sb="10" eb="13">
      <t>ヨウチエン</t>
    </rPh>
    <phoneticPr fontId="6"/>
  </si>
  <si>
    <t>横須賀市鷹取1－1－2</t>
    <rPh sb="0" eb="4">
      <t>ヨコスカシ</t>
    </rPh>
    <rPh sb="4" eb="6">
      <t>タカトリ</t>
    </rPh>
    <phoneticPr fontId="6"/>
  </si>
  <si>
    <t>しらかばこども園（池田分園、新大津分園）</t>
    <rPh sb="7" eb="8">
      <t>エン</t>
    </rPh>
    <rPh sb="9" eb="11">
      <t>イケダ</t>
    </rPh>
    <rPh sb="11" eb="13">
      <t>ブンエン</t>
    </rPh>
    <rPh sb="14" eb="15">
      <t>シン</t>
    </rPh>
    <rPh sb="15" eb="17">
      <t>オオツ</t>
    </rPh>
    <rPh sb="17" eb="18">
      <t>ブン</t>
    </rPh>
    <rPh sb="18" eb="19">
      <t>エン</t>
    </rPh>
    <phoneticPr fontId="6"/>
  </si>
  <si>
    <t>横須賀市池田町1－22－12ほか</t>
    <rPh sb="0" eb="4">
      <t>ヨコスカシ</t>
    </rPh>
    <rPh sb="4" eb="6">
      <t>イケダ</t>
    </rPh>
    <rPh sb="6" eb="7">
      <t>マチ</t>
    </rPh>
    <phoneticPr fontId="6"/>
  </si>
  <si>
    <t>太田和こども園（分園）</t>
    <rPh sb="0" eb="3">
      <t>オオタワ</t>
    </rPh>
    <rPh sb="6" eb="7">
      <t>エン</t>
    </rPh>
    <rPh sb="8" eb="10">
      <t>ブンエン</t>
    </rPh>
    <phoneticPr fontId="6"/>
  </si>
  <si>
    <t>横須賀市太田和3－733</t>
    <rPh sb="0" eb="4">
      <t>ヨコスカシ</t>
    </rPh>
    <rPh sb="4" eb="7">
      <t>オオタワ</t>
    </rPh>
    <phoneticPr fontId="6"/>
  </si>
  <si>
    <t>幼保連携型認定こども園　うわまち幼稚園</t>
    <phoneticPr fontId="6"/>
  </si>
  <si>
    <t>横須賀市上町2-10</t>
    <rPh sb="0" eb="3">
      <t>ヨコスカ</t>
    </rPh>
    <rPh sb="3" eb="4">
      <t>シ</t>
    </rPh>
    <rPh sb="4" eb="6">
      <t>カミチョウ</t>
    </rPh>
    <phoneticPr fontId="6"/>
  </si>
  <si>
    <t>三和こども園（安浦分園、上町分園）</t>
    <rPh sb="0" eb="2">
      <t>サンワ</t>
    </rPh>
    <rPh sb="5" eb="6">
      <t>エン</t>
    </rPh>
    <rPh sb="7" eb="9">
      <t>ヤスウラ</t>
    </rPh>
    <rPh sb="9" eb="11">
      <t>ブンエン</t>
    </rPh>
    <rPh sb="12" eb="14">
      <t>ウワマチ</t>
    </rPh>
    <rPh sb="14" eb="16">
      <t>ブンエン</t>
    </rPh>
    <phoneticPr fontId="6"/>
  </si>
  <si>
    <t>横須賀市田戸台26ほか</t>
    <rPh sb="0" eb="4">
      <t>ヨコスカシ</t>
    </rPh>
    <rPh sb="4" eb="5">
      <t>タ</t>
    </rPh>
    <rPh sb="5" eb="6">
      <t>ト</t>
    </rPh>
    <rPh sb="6" eb="7">
      <t>ダイ</t>
    </rPh>
    <phoneticPr fontId="6"/>
  </si>
  <si>
    <t>認定こども園善隣園（分園こばと園）</t>
    <rPh sb="10" eb="12">
      <t>ブンエン</t>
    </rPh>
    <rPh sb="15" eb="16">
      <t>エン</t>
    </rPh>
    <phoneticPr fontId="6"/>
  </si>
  <si>
    <t>横須賀市田浦町２丁目80番地１</t>
    <rPh sb="0" eb="4">
      <t>ヨコスカシ</t>
    </rPh>
    <rPh sb="4" eb="6">
      <t>タウラ</t>
    </rPh>
    <rPh sb="6" eb="7">
      <t>マチ</t>
    </rPh>
    <rPh sb="8" eb="10">
      <t>チョウメ</t>
    </rPh>
    <rPh sb="12" eb="14">
      <t>バンチ</t>
    </rPh>
    <phoneticPr fontId="6"/>
  </si>
  <si>
    <t>公郷こども園</t>
    <rPh sb="0" eb="1">
      <t>コウ</t>
    </rPh>
    <rPh sb="1" eb="2">
      <t>ゴウ</t>
    </rPh>
    <rPh sb="5" eb="6">
      <t>エン</t>
    </rPh>
    <phoneticPr fontId="6"/>
  </si>
  <si>
    <t>横須賀市公郷６丁目７番地１</t>
    <rPh sb="0" eb="4">
      <t>ヨコスカシ</t>
    </rPh>
    <rPh sb="4" eb="5">
      <t>コウ</t>
    </rPh>
    <rPh sb="5" eb="6">
      <t>ゴウ</t>
    </rPh>
    <rPh sb="7" eb="9">
      <t>チョウメ</t>
    </rPh>
    <rPh sb="10" eb="12">
      <t>バンチ</t>
    </rPh>
    <phoneticPr fontId="6"/>
  </si>
  <si>
    <t>認定こども園　聖佳幼稚園</t>
    <rPh sb="0" eb="2">
      <t>ニンテイ</t>
    </rPh>
    <rPh sb="5" eb="6">
      <t>エン</t>
    </rPh>
    <rPh sb="7" eb="8">
      <t>セイ</t>
    </rPh>
    <rPh sb="8" eb="9">
      <t>カ</t>
    </rPh>
    <rPh sb="9" eb="12">
      <t>ヨウチエン</t>
    </rPh>
    <phoneticPr fontId="6"/>
  </si>
  <si>
    <t>横須賀市坂本町１丁目29番地</t>
    <rPh sb="0" eb="4">
      <t>ヨコスカシ</t>
    </rPh>
    <rPh sb="4" eb="6">
      <t>サカモト</t>
    </rPh>
    <rPh sb="6" eb="7">
      <t>マチ</t>
    </rPh>
    <rPh sb="8" eb="10">
      <t>チョウメ</t>
    </rPh>
    <rPh sb="12" eb="13">
      <t>バン</t>
    </rPh>
    <rPh sb="13" eb="14">
      <t>チ</t>
    </rPh>
    <phoneticPr fontId="6"/>
  </si>
  <si>
    <t>認定こども園　聖心桜ヶ丘幼稚園</t>
    <rPh sb="0" eb="2">
      <t>ニンテイ</t>
    </rPh>
    <rPh sb="5" eb="6">
      <t>エン</t>
    </rPh>
    <rPh sb="7" eb="8">
      <t>セイ</t>
    </rPh>
    <rPh sb="8" eb="9">
      <t>シン</t>
    </rPh>
    <rPh sb="9" eb="12">
      <t>サクラガオカ</t>
    </rPh>
    <rPh sb="12" eb="15">
      <t>ヨウチエン</t>
    </rPh>
    <phoneticPr fontId="6"/>
  </si>
  <si>
    <t>横須賀市桜が丘1-51-1</t>
    <rPh sb="0" eb="4">
      <t>ヨコスカシ</t>
    </rPh>
    <rPh sb="4" eb="5">
      <t>サクラ</t>
    </rPh>
    <rPh sb="6" eb="7">
      <t>オカ</t>
    </rPh>
    <phoneticPr fontId="6"/>
  </si>
  <si>
    <t>浦賀こども園</t>
    <phoneticPr fontId="6"/>
  </si>
  <si>
    <t>横須賀市浦賀6-3-1</t>
    <rPh sb="0" eb="4">
      <t>ヨコスカシ</t>
    </rPh>
    <rPh sb="4" eb="6">
      <t>ウラガ</t>
    </rPh>
    <phoneticPr fontId="6"/>
  </si>
  <si>
    <t>長岡こども園</t>
    <phoneticPr fontId="6"/>
  </si>
  <si>
    <t>横須賀市長沢1-25-8</t>
    <rPh sb="0" eb="4">
      <t>ヨコスカシ</t>
    </rPh>
    <rPh sb="4" eb="5">
      <t>ナガ</t>
    </rPh>
    <rPh sb="5" eb="6">
      <t>サワ</t>
    </rPh>
    <phoneticPr fontId="6"/>
  </si>
  <si>
    <t>キッズアカデミーぎんのすずこども園</t>
    <phoneticPr fontId="6"/>
  </si>
  <si>
    <t>横須賀市追浜町2-70番地ほか</t>
    <rPh sb="0" eb="4">
      <t>ヨコスカシ</t>
    </rPh>
    <rPh sb="4" eb="7">
      <t>オッパマチョウ</t>
    </rPh>
    <rPh sb="11" eb="13">
      <t>バンチ</t>
    </rPh>
    <phoneticPr fontId="6"/>
  </si>
  <si>
    <t>岩戸こども園</t>
    <rPh sb="0" eb="2">
      <t>イワト</t>
    </rPh>
    <rPh sb="5" eb="6">
      <t>エン</t>
    </rPh>
    <phoneticPr fontId="6"/>
  </si>
  <si>
    <t>横須賀市岩戸3-37-5</t>
    <rPh sb="0" eb="4">
      <t>ヨコスカシ</t>
    </rPh>
    <rPh sb="4" eb="6">
      <t>イワト</t>
    </rPh>
    <phoneticPr fontId="6"/>
  </si>
  <si>
    <t>佐野こども園</t>
    <rPh sb="0" eb="2">
      <t>サノ</t>
    </rPh>
    <rPh sb="5" eb="6">
      <t>エン</t>
    </rPh>
    <phoneticPr fontId="6"/>
  </si>
  <si>
    <t>横須賀市佐野町5-7</t>
    <rPh sb="0" eb="4">
      <t>ヨコスカシ</t>
    </rPh>
    <rPh sb="4" eb="7">
      <t>サノマチ</t>
    </rPh>
    <phoneticPr fontId="6"/>
  </si>
  <si>
    <t>長井婦人会こども園</t>
    <rPh sb="0" eb="2">
      <t>ナガイ</t>
    </rPh>
    <rPh sb="2" eb="5">
      <t>フジンカイ</t>
    </rPh>
    <rPh sb="8" eb="9">
      <t>エン</t>
    </rPh>
    <phoneticPr fontId="6"/>
  </si>
  <si>
    <t>横須賀市長井2-2-3</t>
    <rPh sb="0" eb="4">
      <t>ヨコスカシ</t>
    </rPh>
    <rPh sb="4" eb="6">
      <t>ナガイ</t>
    </rPh>
    <phoneticPr fontId="6"/>
  </si>
  <si>
    <t>和順こども園（和順こども園分園）</t>
    <rPh sb="0" eb="2">
      <t>ワジュン</t>
    </rPh>
    <rPh sb="5" eb="6">
      <t>エン</t>
    </rPh>
    <rPh sb="7" eb="9">
      <t>ワジュン</t>
    </rPh>
    <rPh sb="12" eb="13">
      <t>エン</t>
    </rPh>
    <rPh sb="13" eb="15">
      <t>ブンエン</t>
    </rPh>
    <phoneticPr fontId="6"/>
  </si>
  <si>
    <t>横須賀市久里浜2-19-14
横須賀市久里浜2-18-1</t>
    <rPh sb="0" eb="4">
      <t>ヨコスカシ</t>
    </rPh>
    <rPh sb="4" eb="7">
      <t>クリハマ</t>
    </rPh>
    <rPh sb="15" eb="19">
      <t>ヨコスカシ</t>
    </rPh>
    <rPh sb="19" eb="22">
      <t>クリハマ</t>
    </rPh>
    <phoneticPr fontId="6"/>
  </si>
  <si>
    <t>認定こども園ぎんなん幼稚園</t>
    <rPh sb="0" eb="2">
      <t>ニンテイ</t>
    </rPh>
    <rPh sb="5" eb="6">
      <t>エン</t>
    </rPh>
    <rPh sb="10" eb="13">
      <t>ヨウチエン</t>
    </rPh>
    <phoneticPr fontId="6"/>
  </si>
  <si>
    <t>大津町3-29-41-1</t>
  </si>
  <si>
    <t>長井こども園</t>
    <rPh sb="0" eb="2">
      <t>ナガイ</t>
    </rPh>
    <rPh sb="5" eb="6">
      <t>エン</t>
    </rPh>
    <phoneticPr fontId="6"/>
  </si>
  <si>
    <t>長井5-9-5</t>
  </si>
  <si>
    <t>私立</t>
  </si>
  <si>
    <t>横須賀市立中央こども園</t>
    <rPh sb="0" eb="5">
      <t>ヨコスカシリツ</t>
    </rPh>
    <rPh sb="5" eb="7">
      <t>チュウオウ</t>
    </rPh>
    <rPh sb="10" eb="11">
      <t>エン</t>
    </rPh>
    <phoneticPr fontId="6"/>
  </si>
  <si>
    <t>横須賀市小川町20</t>
    <rPh sb="0" eb="4">
      <t>ヨコスカシ</t>
    </rPh>
    <rPh sb="4" eb="7">
      <t>オガワチョウ</t>
    </rPh>
    <phoneticPr fontId="20"/>
  </si>
  <si>
    <t>認定こども園　大津幼稚園</t>
    <rPh sb="0" eb="2">
      <t>ニンテイ</t>
    </rPh>
    <rPh sb="5" eb="6">
      <t>エン</t>
    </rPh>
    <rPh sb="7" eb="9">
      <t>オオツ</t>
    </rPh>
    <rPh sb="9" eb="12">
      <t>ヨウチエン</t>
    </rPh>
    <phoneticPr fontId="6"/>
  </si>
  <si>
    <t>横須賀市大津町3-29-26</t>
    <rPh sb="0" eb="4">
      <t>ヨコスカシ</t>
    </rPh>
    <rPh sb="4" eb="7">
      <t>オオツチョウ</t>
    </rPh>
    <phoneticPr fontId="6"/>
  </si>
  <si>
    <t>認定こども園　岩波幼稚園</t>
    <phoneticPr fontId="6"/>
  </si>
  <si>
    <t>横須賀市鴨居2-56-12</t>
    <rPh sb="0" eb="4">
      <t>ヨコスカシ</t>
    </rPh>
    <rPh sb="4" eb="6">
      <t>カモイ</t>
    </rPh>
    <phoneticPr fontId="6"/>
  </si>
  <si>
    <t>聖心第一幼稚園</t>
    <rPh sb="0" eb="1">
      <t>ヒジリ</t>
    </rPh>
    <rPh sb="1" eb="2">
      <t>ココロ</t>
    </rPh>
    <rPh sb="2" eb="4">
      <t>ダイイチ</t>
    </rPh>
    <rPh sb="4" eb="7">
      <t>ヨウチエン</t>
    </rPh>
    <phoneticPr fontId="6"/>
  </si>
  <si>
    <t>横須賀市上町2-15</t>
    <rPh sb="0" eb="4">
      <t>ヨコスカシ</t>
    </rPh>
    <rPh sb="4" eb="6">
      <t>ウワマチ</t>
    </rPh>
    <phoneticPr fontId="6"/>
  </si>
  <si>
    <t>聖心第二幼稚園</t>
    <rPh sb="0" eb="1">
      <t>ヒジリ</t>
    </rPh>
    <rPh sb="1" eb="2">
      <t>ココロ</t>
    </rPh>
    <rPh sb="2" eb="4">
      <t>ダイニ</t>
    </rPh>
    <rPh sb="4" eb="7">
      <t>ヨウチエン</t>
    </rPh>
    <phoneticPr fontId="6"/>
  </si>
  <si>
    <t>横須賀市富士見町3-8</t>
    <rPh sb="0" eb="4">
      <t>ヨコスカシ</t>
    </rPh>
    <rPh sb="4" eb="8">
      <t>フジミチョウ</t>
    </rPh>
    <phoneticPr fontId="6"/>
  </si>
  <si>
    <t>相武幼稚園</t>
    <rPh sb="0" eb="2">
      <t>ソウブ</t>
    </rPh>
    <rPh sb="2" eb="5">
      <t>ヨウチエン</t>
    </rPh>
    <phoneticPr fontId="6"/>
  </si>
  <si>
    <t>横須賀市太田和5-2665番地</t>
    <rPh sb="0" eb="4">
      <t>ヨコスカシ</t>
    </rPh>
    <rPh sb="4" eb="7">
      <t>オオタワ</t>
    </rPh>
    <rPh sb="13" eb="15">
      <t>バンチ</t>
    </rPh>
    <phoneticPr fontId="6"/>
  </si>
  <si>
    <t>南横須賀幼稚園</t>
    <rPh sb="0" eb="1">
      <t>ミナミ</t>
    </rPh>
    <rPh sb="1" eb="4">
      <t>ヨコスカ</t>
    </rPh>
    <rPh sb="4" eb="7">
      <t>ヨウチエン</t>
    </rPh>
    <phoneticPr fontId="6"/>
  </si>
  <si>
    <t>横須賀市池田町2-9-17</t>
    <rPh sb="0" eb="4">
      <t>ヨコスカシ</t>
    </rPh>
    <rPh sb="4" eb="7">
      <t>イケダチョウ</t>
    </rPh>
    <phoneticPr fontId="6"/>
  </si>
  <si>
    <t>認定こども園　あさひ幼稚園</t>
  </si>
  <si>
    <t>横須賀市公郷町2-18-3</t>
    <rPh sb="0" eb="4">
      <t>ヨコスカシ</t>
    </rPh>
    <rPh sb="4" eb="6">
      <t>クゴウ</t>
    </rPh>
    <rPh sb="6" eb="7">
      <t>マチ</t>
    </rPh>
    <phoneticPr fontId="6"/>
  </si>
  <si>
    <t>認定こども園　かもいようちえん</t>
  </si>
  <si>
    <t>横須賀市鴨居3-9-1</t>
    <rPh sb="0" eb="4">
      <t>ヨコスカシ</t>
    </rPh>
    <rPh sb="4" eb="6">
      <t>カモイ</t>
    </rPh>
    <phoneticPr fontId="6"/>
  </si>
  <si>
    <t>認定こども園　聖心第三幼稚園</t>
  </si>
  <si>
    <t>横須賀市汐見台2-16-15</t>
    <rPh sb="0" eb="4">
      <t>ヨコスカシ</t>
    </rPh>
    <rPh sb="4" eb="7">
      <t>シオミダイ</t>
    </rPh>
    <phoneticPr fontId="6"/>
  </si>
  <si>
    <t>認定こども園湘南栄光幼稚園</t>
    <rPh sb="0" eb="6">
      <t>ニンテイ</t>
    </rPh>
    <rPh sb="6" eb="8">
      <t>ショウナン</t>
    </rPh>
    <rPh sb="8" eb="10">
      <t>エイコウ</t>
    </rPh>
    <rPh sb="10" eb="13">
      <t>ヨウチエン</t>
    </rPh>
    <phoneticPr fontId="6"/>
  </si>
  <si>
    <t>横須賀市浦上台3-29-3</t>
    <rPh sb="0" eb="4">
      <t>ヨコスカシ</t>
    </rPh>
    <rPh sb="4" eb="6">
      <t>ウラカミ</t>
    </rPh>
    <rPh sb="6" eb="7">
      <t>ダイ</t>
    </rPh>
    <phoneticPr fontId="6"/>
  </si>
  <si>
    <t>認定こども園横須賀若葉幼稚園</t>
    <rPh sb="0" eb="2">
      <t>ニンテイ</t>
    </rPh>
    <rPh sb="5" eb="6">
      <t>エン</t>
    </rPh>
    <rPh sb="6" eb="9">
      <t>ヨコスカ</t>
    </rPh>
    <rPh sb="9" eb="11">
      <t>ワカバ</t>
    </rPh>
    <rPh sb="11" eb="14">
      <t>ヨウチエン</t>
    </rPh>
    <phoneticPr fontId="6"/>
  </si>
  <si>
    <t>横須賀市金谷１丁目５−８</t>
    <phoneticPr fontId="6"/>
  </si>
  <si>
    <t>平塚市
９件</t>
    <rPh sb="5" eb="6">
      <t>ケン</t>
    </rPh>
    <phoneticPr fontId="6"/>
  </si>
  <si>
    <t>認定美里・柿の実こども園</t>
    <phoneticPr fontId="6"/>
  </si>
  <si>
    <t>平塚市下島824</t>
  </si>
  <si>
    <t>認定こども園大野幼稚園</t>
    <rPh sb="0" eb="2">
      <t>ニンテイ</t>
    </rPh>
    <rPh sb="5" eb="6">
      <t>エン</t>
    </rPh>
    <rPh sb="6" eb="8">
      <t>オオノ</t>
    </rPh>
    <rPh sb="8" eb="11">
      <t>ヨウチエン</t>
    </rPh>
    <phoneticPr fontId="6"/>
  </si>
  <si>
    <t>平塚市東八幡一丁目16番39号</t>
    <phoneticPr fontId="6"/>
  </si>
  <si>
    <t>港こども園</t>
    <rPh sb="0" eb="1">
      <t>ミナト</t>
    </rPh>
    <rPh sb="4" eb="5">
      <t>エン</t>
    </rPh>
    <phoneticPr fontId="6"/>
  </si>
  <si>
    <t>平塚市夕陽ケ丘22-3</t>
    <phoneticPr fontId="6"/>
  </si>
  <si>
    <t>平塚めぐみこども園</t>
    <rPh sb="0" eb="2">
      <t>ヒラツカ</t>
    </rPh>
    <rPh sb="8" eb="9">
      <t>エン</t>
    </rPh>
    <phoneticPr fontId="6"/>
  </si>
  <si>
    <t>平塚市纒100番地２</t>
    <phoneticPr fontId="6"/>
  </si>
  <si>
    <t>認定こども園さなだ幼稚園</t>
    <rPh sb="0" eb="2">
      <t>ニンテイ</t>
    </rPh>
    <rPh sb="5" eb="6">
      <t>エン</t>
    </rPh>
    <rPh sb="9" eb="12">
      <t>ヨウチエン</t>
    </rPh>
    <phoneticPr fontId="6"/>
  </si>
  <si>
    <t>平塚市真田四丁目10番15号</t>
    <phoneticPr fontId="6"/>
  </si>
  <si>
    <t>清水学園付属幼稚園</t>
    <rPh sb="0" eb="2">
      <t>シミズ</t>
    </rPh>
    <rPh sb="2" eb="4">
      <t>ガクエン</t>
    </rPh>
    <rPh sb="4" eb="6">
      <t>フゾク</t>
    </rPh>
    <rPh sb="6" eb="9">
      <t>ヨウチエン</t>
    </rPh>
    <phoneticPr fontId="6"/>
  </si>
  <si>
    <t>平塚市根坂間645</t>
    <rPh sb="0" eb="3">
      <t>ヒラツカシ</t>
    </rPh>
    <rPh sb="3" eb="4">
      <t>ネ</t>
    </rPh>
    <rPh sb="4" eb="6">
      <t>サカマ</t>
    </rPh>
    <phoneticPr fontId="6"/>
  </si>
  <si>
    <t>認定こども園大神美里幼稚園</t>
    <rPh sb="0" eb="6">
      <t>ニンテイ</t>
    </rPh>
    <rPh sb="6" eb="8">
      <t>オオカミ</t>
    </rPh>
    <rPh sb="8" eb="10">
      <t>ミサト</t>
    </rPh>
    <rPh sb="10" eb="13">
      <t>ヨウチエン</t>
    </rPh>
    <phoneticPr fontId="6"/>
  </si>
  <si>
    <t>平塚市大神2380</t>
    <rPh sb="0" eb="3">
      <t>ヒラツカシ</t>
    </rPh>
    <rPh sb="3" eb="5">
      <t>オオカミ</t>
    </rPh>
    <phoneticPr fontId="6"/>
  </si>
  <si>
    <t>認定こども園道和幼稚園</t>
    <rPh sb="0" eb="6">
      <t>ニンテイ</t>
    </rPh>
    <rPh sb="6" eb="8">
      <t>ドウワ</t>
    </rPh>
    <rPh sb="8" eb="11">
      <t>ヨウチエン</t>
    </rPh>
    <phoneticPr fontId="6"/>
  </si>
  <si>
    <t>平塚市豊原町26-24</t>
    <rPh sb="0" eb="3">
      <t>ヒラツカシ</t>
    </rPh>
    <rPh sb="3" eb="6">
      <t>トヨハラチョウ</t>
    </rPh>
    <phoneticPr fontId="6"/>
  </si>
  <si>
    <t>認定こども園神田幼稚園</t>
  </si>
  <si>
    <t>平塚市大神1587</t>
  </si>
  <si>
    <t>鎌倉市
５件</t>
    <rPh sb="5" eb="6">
      <t>ケン</t>
    </rPh>
    <phoneticPr fontId="6"/>
  </si>
  <si>
    <t>認定こども園　アワーキッズ鎌倉</t>
    <rPh sb="13" eb="15">
      <t>カマクラ</t>
    </rPh>
    <phoneticPr fontId="6"/>
  </si>
  <si>
    <t>鎌倉市寺分1-15-4、同1-13-5</t>
    <phoneticPr fontId="6"/>
  </si>
  <si>
    <t>認定こども園　鎌倉みどりこども園</t>
    <rPh sb="7" eb="9">
      <t>カマクラ</t>
    </rPh>
    <rPh sb="15" eb="16">
      <t>エン</t>
    </rPh>
    <phoneticPr fontId="6"/>
  </si>
  <si>
    <t>鎌倉市植木210-1</t>
    <rPh sb="3" eb="5">
      <t>ウエキ</t>
    </rPh>
    <phoneticPr fontId="6"/>
  </si>
  <si>
    <t>認定こども園アワーキッズ大船</t>
    <rPh sb="12" eb="14">
      <t>オオフナ</t>
    </rPh>
    <phoneticPr fontId="6"/>
  </si>
  <si>
    <t>鎌倉市大船2-16-49</t>
  </si>
  <si>
    <t>保育所型</t>
  </si>
  <si>
    <t>認定こども園　おおぞら幼稚園</t>
    <rPh sb="0" eb="6">
      <t>ニンテイ</t>
    </rPh>
    <rPh sb="11" eb="14">
      <t>ヨウチエン</t>
    </rPh>
    <phoneticPr fontId="6"/>
  </si>
  <si>
    <t>鎌倉市大船5-10-35</t>
    <rPh sb="0" eb="3">
      <t>カマクラシ</t>
    </rPh>
    <rPh sb="3" eb="5">
      <t>オオフナ</t>
    </rPh>
    <phoneticPr fontId="6"/>
  </si>
  <si>
    <t>認定こども園　七里が浜楓幼稚園</t>
    <rPh sb="0" eb="6">
      <t>ニンテイ</t>
    </rPh>
    <rPh sb="7" eb="9">
      <t>シチリ</t>
    </rPh>
    <rPh sb="11" eb="12">
      <t>カエデ</t>
    </rPh>
    <rPh sb="12" eb="15">
      <t>ヨウチエン</t>
    </rPh>
    <phoneticPr fontId="6"/>
  </si>
  <si>
    <t>鎌倉市七里ガ浜東3-13-12、七里ガ浜東3-14-6</t>
    <rPh sb="0" eb="3">
      <t>カマクラシ</t>
    </rPh>
    <rPh sb="3" eb="5">
      <t>シチリ</t>
    </rPh>
    <rPh sb="6" eb="7">
      <t>ハマ</t>
    </rPh>
    <rPh sb="7" eb="8">
      <t>ヒガシ</t>
    </rPh>
    <rPh sb="16" eb="18">
      <t>シチリ</t>
    </rPh>
    <rPh sb="19" eb="21">
      <t>ハマヒガシ</t>
    </rPh>
    <phoneticPr fontId="6"/>
  </si>
  <si>
    <t>藤沢市
２件</t>
    <rPh sb="0" eb="3">
      <t>フジサワシ</t>
    </rPh>
    <rPh sb="5" eb="6">
      <t>ケン</t>
    </rPh>
    <phoneticPr fontId="6"/>
  </si>
  <si>
    <t>認定こども園　広田幼稚園</t>
    <rPh sb="0" eb="2">
      <t>ニンテイ</t>
    </rPh>
    <rPh sb="5" eb="6">
      <t>エン</t>
    </rPh>
    <rPh sb="7" eb="9">
      <t>ヒロタ</t>
    </rPh>
    <rPh sb="9" eb="12">
      <t>ヨウチエン</t>
    </rPh>
    <phoneticPr fontId="6"/>
  </si>
  <si>
    <t>藤沢市湘南台5-28-1</t>
    <phoneticPr fontId="6"/>
  </si>
  <si>
    <t>認定こども園　藤沢いずみ幼稚園</t>
    <phoneticPr fontId="6"/>
  </si>
  <si>
    <t>藤沢市亀井野3224</t>
    <phoneticPr fontId="6"/>
  </si>
  <si>
    <t>小田原市
４件</t>
    <rPh sb="6" eb="7">
      <t>ケン</t>
    </rPh>
    <phoneticPr fontId="6"/>
  </si>
  <si>
    <t>認定こども園小田原みどり学園</t>
    <rPh sb="6" eb="9">
      <t>オダワラ</t>
    </rPh>
    <rPh sb="12" eb="14">
      <t>ガクエン</t>
    </rPh>
    <phoneticPr fontId="6"/>
  </si>
  <si>
    <t>小田原市中町1-15-11</t>
    <phoneticPr fontId="6"/>
  </si>
  <si>
    <t>山王保育園</t>
    <phoneticPr fontId="6"/>
  </si>
  <si>
    <t>小田原市東町1-30-30</t>
    <phoneticPr fontId="6"/>
  </si>
  <si>
    <t>保育所型</t>
    <phoneticPr fontId="6"/>
  </si>
  <si>
    <t>認定こども園こひつじ学園</t>
    <phoneticPr fontId="6"/>
  </si>
  <si>
    <t>小田原市飯田岡336</t>
    <phoneticPr fontId="6"/>
  </si>
  <si>
    <t>地方裁量型</t>
    <rPh sb="0" eb="2">
      <t>チホウ</t>
    </rPh>
    <rPh sb="2" eb="4">
      <t>サイリョウ</t>
    </rPh>
    <rPh sb="4" eb="5">
      <t>ガタ</t>
    </rPh>
    <phoneticPr fontId="6"/>
  </si>
  <si>
    <t>認定こども園未来っ子幼児教育センター</t>
    <rPh sb="0" eb="6">
      <t>ニンテイ</t>
    </rPh>
    <rPh sb="6" eb="8">
      <t>ミライ</t>
    </rPh>
    <rPh sb="9" eb="10">
      <t>コ</t>
    </rPh>
    <rPh sb="10" eb="12">
      <t>ヨウジ</t>
    </rPh>
    <rPh sb="12" eb="14">
      <t>キョウイク</t>
    </rPh>
    <phoneticPr fontId="6"/>
  </si>
  <si>
    <t>小田原市南鴨宮1-5-40</t>
    <rPh sb="0" eb="4">
      <t>オダワラシ</t>
    </rPh>
    <rPh sb="4" eb="7">
      <t>ミナミカモノミヤ</t>
    </rPh>
    <phoneticPr fontId="6"/>
  </si>
  <si>
    <t>花園幼稚園</t>
  </si>
  <si>
    <t>小田原市南町2丁目2番45号</t>
  </si>
  <si>
    <t>茅ヶ崎市
８件</t>
    <rPh sb="0" eb="4">
      <t>チガサキシ</t>
    </rPh>
    <rPh sb="6" eb="7">
      <t>ケン</t>
    </rPh>
    <phoneticPr fontId="6"/>
  </si>
  <si>
    <t>茅ヶ崎松若こども園</t>
    <rPh sb="0" eb="3">
      <t>チガサキ</t>
    </rPh>
    <rPh sb="3" eb="4">
      <t>マツ</t>
    </rPh>
    <rPh sb="4" eb="5">
      <t>ワカ</t>
    </rPh>
    <rPh sb="8" eb="9">
      <t>エン</t>
    </rPh>
    <phoneticPr fontId="6"/>
  </si>
  <si>
    <t>茅ヶ崎市小和田２-12-47</t>
    <phoneticPr fontId="6"/>
  </si>
  <si>
    <t>認定こども園平和学園幼稚園</t>
    <rPh sb="0" eb="6">
      <t>ニンテイ</t>
    </rPh>
    <rPh sb="6" eb="8">
      <t>ヘイワ</t>
    </rPh>
    <rPh sb="8" eb="10">
      <t>ガクエン</t>
    </rPh>
    <rPh sb="10" eb="13">
      <t>ヨウチエン</t>
    </rPh>
    <phoneticPr fontId="6"/>
  </si>
  <si>
    <t>茅ヶ崎市富士見町５-２</t>
    <rPh sb="0" eb="4">
      <t>チガサキシ</t>
    </rPh>
    <rPh sb="4" eb="7">
      <t>フジミ</t>
    </rPh>
    <rPh sb="7" eb="8">
      <t>マチ</t>
    </rPh>
    <phoneticPr fontId="6"/>
  </si>
  <si>
    <t>松林こころえん</t>
    <rPh sb="0" eb="2">
      <t>ショウリン</t>
    </rPh>
    <phoneticPr fontId="6"/>
  </si>
  <si>
    <t>茅ヶ崎市小和田１－５－36</t>
    <phoneticPr fontId="6"/>
  </si>
  <si>
    <t>聖鳩幼稚園</t>
    <rPh sb="0" eb="1">
      <t>ヒジリ</t>
    </rPh>
    <rPh sb="1" eb="2">
      <t>ハト</t>
    </rPh>
    <rPh sb="2" eb="5">
      <t>ヨウチエン</t>
    </rPh>
    <phoneticPr fontId="6"/>
  </si>
  <si>
    <t>茅ヶ崎市東海岸北3-10-4</t>
    <rPh sb="0" eb="4">
      <t>チガサキシ</t>
    </rPh>
    <rPh sb="4" eb="8">
      <t>ヒガシカイガンキタ</t>
    </rPh>
    <phoneticPr fontId="6"/>
  </si>
  <si>
    <t>湘南やまゆり幼稚園</t>
    <rPh sb="0" eb="2">
      <t>ショウナン</t>
    </rPh>
    <rPh sb="6" eb="9">
      <t>ヨウチエン</t>
    </rPh>
    <phoneticPr fontId="6"/>
  </si>
  <si>
    <t>茅ヶ崎市円蔵2-14-12</t>
    <rPh sb="0" eb="4">
      <t>チガサキシ</t>
    </rPh>
    <rPh sb="4" eb="6">
      <t>エンゾウ</t>
    </rPh>
    <phoneticPr fontId="6"/>
  </si>
  <si>
    <t>湘南やまゆり第二幼稚園</t>
    <rPh sb="0" eb="2">
      <t>ショウナン</t>
    </rPh>
    <rPh sb="6" eb="8">
      <t>ダイニ</t>
    </rPh>
    <rPh sb="8" eb="11">
      <t>ヨウチエン</t>
    </rPh>
    <phoneticPr fontId="6"/>
  </si>
  <si>
    <t>茅ヶ崎市円蔵2350</t>
    <rPh sb="0" eb="4">
      <t>チガサキシ</t>
    </rPh>
    <rPh sb="4" eb="6">
      <t>エンゾウ</t>
    </rPh>
    <phoneticPr fontId="6"/>
  </si>
  <si>
    <t>湘南マドカ幼稚園</t>
    <rPh sb="0" eb="2">
      <t>ショウナン</t>
    </rPh>
    <rPh sb="5" eb="8">
      <t>ヨウチエン</t>
    </rPh>
    <phoneticPr fontId="6"/>
  </si>
  <si>
    <t>茅ヶ崎市円蔵1-20-15</t>
    <rPh sb="0" eb="4">
      <t>チガサキシ</t>
    </rPh>
    <rPh sb="4" eb="6">
      <t>エンゾウ</t>
    </rPh>
    <phoneticPr fontId="6"/>
  </si>
  <si>
    <t>湘南幼児学園</t>
    <phoneticPr fontId="6"/>
  </si>
  <si>
    <t>茅ヶ崎市汐見台３－15</t>
    <phoneticPr fontId="6"/>
  </si>
  <si>
    <t>逗子市
１件</t>
    <rPh sb="0" eb="3">
      <t>ズシシ</t>
    </rPh>
    <rPh sb="5" eb="6">
      <t>ケン</t>
    </rPh>
    <phoneticPr fontId="6"/>
  </si>
  <si>
    <t>認定こども園　逗子幼稚園</t>
    <rPh sb="0" eb="6">
      <t>ニンテイ</t>
    </rPh>
    <rPh sb="7" eb="9">
      <t>ズシ</t>
    </rPh>
    <rPh sb="9" eb="12">
      <t>ヨウチエン</t>
    </rPh>
    <phoneticPr fontId="6"/>
  </si>
  <si>
    <t>逗子市逗子3-1-17</t>
    <rPh sb="0" eb="3">
      <t>ズシシ</t>
    </rPh>
    <rPh sb="3" eb="5">
      <t>ズシ</t>
    </rPh>
    <phoneticPr fontId="6"/>
  </si>
  <si>
    <t>三浦市
２件</t>
    <rPh sb="0" eb="3">
      <t>ミウラシ</t>
    </rPh>
    <rPh sb="5" eb="6">
      <t>ケン</t>
    </rPh>
    <phoneticPr fontId="6"/>
  </si>
  <si>
    <t>認定こども園　上宮田小羊保育園</t>
    <rPh sb="0" eb="6">
      <t>ニンテイ</t>
    </rPh>
    <rPh sb="7" eb="8">
      <t>カミ</t>
    </rPh>
    <rPh sb="8" eb="10">
      <t>ミヤタ</t>
    </rPh>
    <rPh sb="10" eb="12">
      <t>コヒツジ</t>
    </rPh>
    <rPh sb="12" eb="15">
      <t>ホイクエン</t>
    </rPh>
    <phoneticPr fontId="6"/>
  </si>
  <si>
    <t>三浦市南下浦町上宮田3190－１</t>
    <rPh sb="0" eb="3">
      <t>ミウラシ</t>
    </rPh>
    <phoneticPr fontId="6"/>
  </si>
  <si>
    <t>認定こども園　三崎二葉保育園</t>
    <rPh sb="0" eb="6">
      <t>ニンテイ</t>
    </rPh>
    <rPh sb="7" eb="14">
      <t>ミサキフタバホイクエン</t>
    </rPh>
    <phoneticPr fontId="6"/>
  </si>
  <si>
    <t>三浦市城山町４－４</t>
    <rPh sb="0" eb="3">
      <t>ミウラシ</t>
    </rPh>
    <phoneticPr fontId="6"/>
  </si>
  <si>
    <t>秦野市
９件</t>
    <phoneticPr fontId="6"/>
  </si>
  <si>
    <t>みどりこども園</t>
    <phoneticPr fontId="6"/>
  </si>
  <si>
    <t>秦野市緑町16-2</t>
    <phoneticPr fontId="6"/>
  </si>
  <si>
    <t>ひろはたこども園</t>
    <phoneticPr fontId="6"/>
  </si>
  <si>
    <t>秦野市下大槻138</t>
    <phoneticPr fontId="6"/>
  </si>
  <si>
    <t>すえひろこども園</t>
    <phoneticPr fontId="6"/>
  </si>
  <si>
    <t>秦野市末広町6-35</t>
    <phoneticPr fontId="6"/>
  </si>
  <si>
    <t>つるまきこども園</t>
    <phoneticPr fontId="6"/>
  </si>
  <si>
    <t>秦野市鶴巻2248-1</t>
    <phoneticPr fontId="6"/>
  </si>
  <si>
    <t>しぶさわこども園</t>
    <rPh sb="7" eb="8">
      <t>エン</t>
    </rPh>
    <phoneticPr fontId="6"/>
  </si>
  <si>
    <t>秦野市渋沢上1-12-2</t>
    <phoneticPr fontId="6"/>
  </si>
  <si>
    <t>幼保連携型認定こども園いまいずみ保育園</t>
    <rPh sb="0" eb="11">
      <t>ヨウホレンケイ</t>
    </rPh>
    <rPh sb="16" eb="19">
      <t>ホイクエン</t>
    </rPh>
    <phoneticPr fontId="6"/>
  </si>
  <si>
    <t>秦野市尾尻952番地の16</t>
    <phoneticPr fontId="6"/>
  </si>
  <si>
    <t>幼保連携型認定こども園やまゆりこども園</t>
    <rPh sb="0" eb="5">
      <t>ヨウホ</t>
    </rPh>
    <rPh sb="5" eb="11">
      <t>ニンテイ</t>
    </rPh>
    <rPh sb="18" eb="19">
      <t>エン</t>
    </rPh>
    <phoneticPr fontId="6"/>
  </si>
  <si>
    <t>秦野市沼代新町3-42</t>
    <rPh sb="0" eb="3">
      <t>ハダノシ</t>
    </rPh>
    <rPh sb="3" eb="5">
      <t>ヌマシロ</t>
    </rPh>
    <rPh sb="5" eb="7">
      <t>シンマチ</t>
    </rPh>
    <phoneticPr fontId="6"/>
  </si>
  <si>
    <t>サンキッズ南が丘こどもえん</t>
    <rPh sb="5" eb="6">
      <t>ミナミ</t>
    </rPh>
    <rPh sb="7" eb="8">
      <t>オカ</t>
    </rPh>
    <phoneticPr fontId="6"/>
  </si>
  <si>
    <t>秦野市南が丘2-1</t>
    <rPh sb="0" eb="3">
      <t>ハダノシ</t>
    </rPh>
    <rPh sb="3" eb="4">
      <t>ミナミ</t>
    </rPh>
    <rPh sb="5" eb="6">
      <t>オカ</t>
    </rPh>
    <phoneticPr fontId="6"/>
  </si>
  <si>
    <t>公私連携幼保連携型</t>
    <rPh sb="0" eb="2">
      <t>コウシ</t>
    </rPh>
    <rPh sb="2" eb="4">
      <t>レンケイ</t>
    </rPh>
    <rPh sb="4" eb="6">
      <t>ヨウホ</t>
    </rPh>
    <rPh sb="6" eb="8">
      <t>レンケイ</t>
    </rPh>
    <rPh sb="8" eb="9">
      <t>ガタ</t>
    </rPh>
    <phoneticPr fontId="6"/>
  </si>
  <si>
    <t>白百合幼児園</t>
    <rPh sb="0" eb="3">
      <t>シラユリ</t>
    </rPh>
    <rPh sb="3" eb="5">
      <t>ヨウジ</t>
    </rPh>
    <rPh sb="5" eb="6">
      <t>エン</t>
    </rPh>
    <phoneticPr fontId="6"/>
  </si>
  <si>
    <t>秦野市鈴張町2-22</t>
    <rPh sb="0" eb="3">
      <t>ハダノシ</t>
    </rPh>
    <rPh sb="3" eb="6">
      <t>スズハリチョウ</t>
    </rPh>
    <phoneticPr fontId="6"/>
  </si>
  <si>
    <t>厚木市
７件</t>
    <rPh sb="0" eb="2">
      <t>アツギ</t>
    </rPh>
    <phoneticPr fontId="6"/>
  </si>
  <si>
    <t>認定こども園でんえん</t>
    <rPh sb="0" eb="2">
      <t>ニンテイ</t>
    </rPh>
    <rPh sb="5" eb="6">
      <t>エン</t>
    </rPh>
    <phoneticPr fontId="6"/>
  </si>
  <si>
    <t>厚木市三田1303</t>
    <rPh sb="0" eb="3">
      <t>アツギシ</t>
    </rPh>
    <rPh sb="3" eb="5">
      <t>サンダ</t>
    </rPh>
    <phoneticPr fontId="6"/>
  </si>
  <si>
    <t>幼稚園型</t>
    <rPh sb="0" eb="3">
      <t>ヨウチエン</t>
    </rPh>
    <rPh sb="3" eb="4">
      <t>カタ</t>
    </rPh>
    <phoneticPr fontId="6"/>
  </si>
  <si>
    <t>認定こども園厚木緑ヶ丘幼稚園</t>
    <rPh sb="0" eb="2">
      <t>ニンテイ</t>
    </rPh>
    <rPh sb="5" eb="6">
      <t>エン</t>
    </rPh>
    <rPh sb="6" eb="8">
      <t>アツギ</t>
    </rPh>
    <rPh sb="8" eb="11">
      <t>ミドリガオカ</t>
    </rPh>
    <rPh sb="11" eb="14">
      <t>ヨウチエン</t>
    </rPh>
    <phoneticPr fontId="6"/>
  </si>
  <si>
    <t>厚木市緑ヶ丘2-2-2</t>
    <rPh sb="0" eb="3">
      <t>アツギシ</t>
    </rPh>
    <rPh sb="3" eb="6">
      <t>ミドリガオカ</t>
    </rPh>
    <phoneticPr fontId="6"/>
  </si>
  <si>
    <t>認定こども園はやし幼稚園</t>
    <rPh sb="0" eb="2">
      <t>ニンテイ</t>
    </rPh>
    <rPh sb="5" eb="6">
      <t>エン</t>
    </rPh>
    <rPh sb="9" eb="12">
      <t>ヨウチエン</t>
    </rPh>
    <phoneticPr fontId="6"/>
  </si>
  <si>
    <t>厚木市林2-13-41</t>
    <rPh sb="0" eb="3">
      <t>アツギシ</t>
    </rPh>
    <rPh sb="3" eb="4">
      <t>ハヤシ</t>
    </rPh>
    <phoneticPr fontId="6"/>
  </si>
  <si>
    <t>認定こども園厚木幼稚園</t>
    <rPh sb="0" eb="6">
      <t>ニンテイ</t>
    </rPh>
    <rPh sb="6" eb="8">
      <t>アツギ</t>
    </rPh>
    <rPh sb="8" eb="11">
      <t>ヨウチエン</t>
    </rPh>
    <phoneticPr fontId="6"/>
  </si>
  <si>
    <t>厚木市幸町6-22</t>
    <rPh sb="0" eb="3">
      <t>アツギシ</t>
    </rPh>
    <rPh sb="3" eb="5">
      <t>サイワイチョウ</t>
    </rPh>
    <phoneticPr fontId="6"/>
  </si>
  <si>
    <t>認定こども園厚木のぞみ幼稚園</t>
    <rPh sb="0" eb="6">
      <t>ニンテイ</t>
    </rPh>
    <rPh sb="6" eb="8">
      <t>アツギ</t>
    </rPh>
    <rPh sb="11" eb="14">
      <t>ヨウチエン</t>
    </rPh>
    <phoneticPr fontId="6"/>
  </si>
  <si>
    <t>厚木市妻田東2-5-41</t>
    <rPh sb="0" eb="3">
      <t>アツギシ</t>
    </rPh>
    <rPh sb="3" eb="5">
      <t>ツマダ</t>
    </rPh>
    <rPh sb="5" eb="6">
      <t>ヒガシ</t>
    </rPh>
    <phoneticPr fontId="6"/>
  </si>
  <si>
    <t>認定こども園小鮎幼稚園</t>
    <rPh sb="0" eb="6">
      <t>ニンテイ</t>
    </rPh>
    <rPh sb="6" eb="8">
      <t>コアユ</t>
    </rPh>
    <rPh sb="8" eb="11">
      <t>ヨウチエン</t>
    </rPh>
    <phoneticPr fontId="6"/>
  </si>
  <si>
    <t>厚木市飯山2377</t>
    <rPh sb="0" eb="3">
      <t>アツギシ</t>
    </rPh>
    <rPh sb="3" eb="5">
      <t>イイヤマ</t>
    </rPh>
    <phoneticPr fontId="6"/>
  </si>
  <si>
    <t>認定こども園　とびお幼稚園</t>
    <rPh sb="0" eb="6">
      <t>ニンテイ</t>
    </rPh>
    <rPh sb="10" eb="13">
      <t>ヨウチエン</t>
    </rPh>
    <phoneticPr fontId="6"/>
  </si>
  <si>
    <t>厚木市鳶尾2-22-18</t>
    <rPh sb="0" eb="3">
      <t>アツギシ</t>
    </rPh>
    <rPh sb="3" eb="5">
      <t>トビオ</t>
    </rPh>
    <phoneticPr fontId="6"/>
  </si>
  <si>
    <t>大和市
３件</t>
    <rPh sb="0" eb="2">
      <t>ヤマト</t>
    </rPh>
    <rPh sb="5" eb="6">
      <t>ケン</t>
    </rPh>
    <phoneticPr fontId="6"/>
  </si>
  <si>
    <t>幼保連携型認定こども園  高座みどり幼稚園</t>
    <rPh sb="0" eb="11">
      <t>ヨウホレンケイ</t>
    </rPh>
    <rPh sb="13" eb="15">
      <t>コウザ</t>
    </rPh>
    <rPh sb="18" eb="21">
      <t>ヨウチエン</t>
    </rPh>
    <phoneticPr fontId="6"/>
  </si>
  <si>
    <t>大和市南林間２－14－８</t>
    <phoneticPr fontId="6"/>
  </si>
  <si>
    <t>認定こども園　中央林間幼稚園</t>
    <rPh sb="0" eb="2">
      <t>ニンテイ</t>
    </rPh>
    <rPh sb="5" eb="6">
      <t>エン</t>
    </rPh>
    <rPh sb="7" eb="11">
      <t>チュウオウリンカン</t>
    </rPh>
    <rPh sb="11" eb="14">
      <t>ヨウチエン</t>
    </rPh>
    <phoneticPr fontId="6"/>
  </si>
  <si>
    <t>大和市中央林間６丁目７－13</t>
    <phoneticPr fontId="6"/>
  </si>
  <si>
    <t>幼稚園型認定こども園　やなぎ幼稚園</t>
  </si>
  <si>
    <t>大和市中央五丁目９番５号</t>
  </si>
  <si>
    <t>伊勢原市
10件</t>
    <rPh sb="0" eb="3">
      <t>イセハラ</t>
    </rPh>
    <rPh sb="3" eb="4">
      <t>シ</t>
    </rPh>
    <rPh sb="7" eb="8">
      <t>ケン</t>
    </rPh>
    <phoneticPr fontId="6"/>
  </si>
  <si>
    <t>認定こども園東海大学付属本田記念幼稚園</t>
    <rPh sb="0" eb="2">
      <t>ニンテイ</t>
    </rPh>
    <rPh sb="5" eb="6">
      <t>エン</t>
    </rPh>
    <rPh sb="6" eb="8">
      <t>トウカイ</t>
    </rPh>
    <rPh sb="8" eb="10">
      <t>ダイガク</t>
    </rPh>
    <rPh sb="10" eb="12">
      <t>フゾク</t>
    </rPh>
    <rPh sb="12" eb="14">
      <t>ホンダ</t>
    </rPh>
    <rPh sb="14" eb="16">
      <t>キネン</t>
    </rPh>
    <rPh sb="16" eb="19">
      <t>ヨウチエン</t>
    </rPh>
    <phoneticPr fontId="6"/>
  </si>
  <si>
    <t>伊勢原市下糟屋111番地</t>
    <phoneticPr fontId="6"/>
  </si>
  <si>
    <t>幼保連携型認定こども園伊勢原立正幼稚園</t>
    <rPh sb="0" eb="5">
      <t>ヨウホ</t>
    </rPh>
    <rPh sb="5" eb="11">
      <t>ニンテイ</t>
    </rPh>
    <rPh sb="11" eb="14">
      <t>イセハラ</t>
    </rPh>
    <rPh sb="14" eb="16">
      <t>リッショウ</t>
    </rPh>
    <rPh sb="16" eb="19">
      <t>ヨウチエン</t>
    </rPh>
    <phoneticPr fontId="6"/>
  </si>
  <si>
    <t>伊勢原市沼目6-1209</t>
    <rPh sb="0" eb="4">
      <t>イセハラシ</t>
    </rPh>
    <rPh sb="4" eb="6">
      <t>ヌマメ</t>
    </rPh>
    <phoneticPr fontId="6"/>
  </si>
  <si>
    <t>幼保連携型認定こども園伊勢原山王幼稚園</t>
    <rPh sb="0" eb="5">
      <t>ヨウホ</t>
    </rPh>
    <rPh sb="5" eb="11">
      <t>ニンテイ</t>
    </rPh>
    <rPh sb="11" eb="14">
      <t>イセハラ</t>
    </rPh>
    <rPh sb="14" eb="16">
      <t>サンノウ</t>
    </rPh>
    <rPh sb="16" eb="19">
      <t>ヨウチエン</t>
    </rPh>
    <phoneticPr fontId="6"/>
  </si>
  <si>
    <t>伊勢原市三ノ宮468</t>
    <rPh sb="0" eb="4">
      <t>イセハラシ</t>
    </rPh>
    <rPh sb="4" eb="5">
      <t>サン</t>
    </rPh>
    <rPh sb="6" eb="7">
      <t>ミヤ</t>
    </rPh>
    <phoneticPr fontId="6"/>
  </si>
  <si>
    <t>幼保連携型認定こども園　伊勢原八雲幼稚園</t>
    <rPh sb="0" eb="5">
      <t>ヨウホ</t>
    </rPh>
    <rPh sb="5" eb="11">
      <t>ニンテイ</t>
    </rPh>
    <rPh sb="12" eb="15">
      <t>イセハラ</t>
    </rPh>
    <rPh sb="15" eb="17">
      <t>ヤクモ</t>
    </rPh>
    <rPh sb="17" eb="20">
      <t>ヨウチエン</t>
    </rPh>
    <phoneticPr fontId="6"/>
  </si>
  <si>
    <t>伊勢原市板戸623番地</t>
    <rPh sb="0" eb="3">
      <t>イセハラ</t>
    </rPh>
    <rPh sb="3" eb="4">
      <t>シ</t>
    </rPh>
    <rPh sb="4" eb="6">
      <t>イタド</t>
    </rPh>
    <rPh sb="9" eb="11">
      <t>バンチ</t>
    </rPh>
    <phoneticPr fontId="6"/>
  </si>
  <si>
    <t>幼保連携型認定こども園伊勢原ひかり幼稚園</t>
    <rPh sb="0" eb="5">
      <t>ヨウホ</t>
    </rPh>
    <rPh sb="5" eb="11">
      <t>ニンテイ</t>
    </rPh>
    <rPh sb="11" eb="14">
      <t>イセハラ</t>
    </rPh>
    <rPh sb="17" eb="20">
      <t>ヨウチエン</t>
    </rPh>
    <phoneticPr fontId="6"/>
  </si>
  <si>
    <t>伊勢原市東大竹1377</t>
    <rPh sb="0" eb="3">
      <t>イセハラ</t>
    </rPh>
    <rPh sb="3" eb="4">
      <t>シ</t>
    </rPh>
    <rPh sb="4" eb="7">
      <t>ヒガシオオタケ</t>
    </rPh>
    <phoneticPr fontId="6"/>
  </si>
  <si>
    <t>認定こども園伊勢原幼稚園</t>
    <phoneticPr fontId="6"/>
  </si>
  <si>
    <t>伊勢原市伊勢原3－10－5</t>
    <phoneticPr fontId="6"/>
  </si>
  <si>
    <t>認定こども園伊勢原白百合幼稚園</t>
    <phoneticPr fontId="6"/>
  </si>
  <si>
    <t>伊勢原市池端536番地、桜台1-4-2　たくみビル２Ｆ</t>
    <phoneticPr fontId="6"/>
  </si>
  <si>
    <t>認定こども園伊勢原みのり幼稚園</t>
    <phoneticPr fontId="6"/>
  </si>
  <si>
    <t>伊勢原市岡崎6994-3</t>
    <phoneticPr fontId="6"/>
  </si>
  <si>
    <t>認定こども園　中央マドカ幼稚園</t>
    <rPh sb="0" eb="2">
      <t>ニンテイ</t>
    </rPh>
    <rPh sb="5" eb="6">
      <t>エン</t>
    </rPh>
    <rPh sb="7" eb="9">
      <t>チュウオウ</t>
    </rPh>
    <rPh sb="12" eb="15">
      <t>ヨウチエン</t>
    </rPh>
    <phoneticPr fontId="6"/>
  </si>
  <si>
    <t>伊勢原市高森446-1</t>
    <phoneticPr fontId="6"/>
  </si>
  <si>
    <t>大原こども園</t>
  </si>
  <si>
    <t>伊勢原市桜台１丁目36番５号</t>
  </si>
  <si>
    <t>海老名市
２件</t>
    <rPh sb="0" eb="4">
      <t>エビナシ</t>
    </rPh>
    <rPh sb="6" eb="7">
      <t>ケン</t>
    </rPh>
    <phoneticPr fontId="6"/>
  </si>
  <si>
    <t>幼保連携型認定こども園　にっしん幼稚園</t>
    <rPh sb="0" eb="5">
      <t>ヨウホ</t>
    </rPh>
    <rPh sb="5" eb="11">
      <t>ニンテイ</t>
    </rPh>
    <rPh sb="16" eb="19">
      <t>ヨウチエン</t>
    </rPh>
    <phoneticPr fontId="6"/>
  </si>
  <si>
    <t>海老名市柏ヶ谷263</t>
    <rPh sb="0" eb="4">
      <t>エビナシ</t>
    </rPh>
    <rPh sb="4" eb="7">
      <t>カシワガヤ</t>
    </rPh>
    <phoneticPr fontId="6"/>
  </si>
  <si>
    <t>認定こども園　旭たちばな幼稚園</t>
    <rPh sb="0" eb="6">
      <t>ニンテイ</t>
    </rPh>
    <rPh sb="7" eb="8">
      <t>アサヒ</t>
    </rPh>
    <rPh sb="12" eb="15">
      <t>ヨウチエン</t>
    </rPh>
    <phoneticPr fontId="6"/>
  </si>
  <si>
    <t>海老名市浜田町23-26</t>
    <rPh sb="0" eb="4">
      <t>エビナシ</t>
    </rPh>
    <rPh sb="4" eb="7">
      <t>ハマダマチ</t>
    </rPh>
    <phoneticPr fontId="6"/>
  </si>
  <si>
    <t>南足柄市
２件</t>
    <rPh sb="0" eb="4">
      <t>ミナミアシガラシ</t>
    </rPh>
    <rPh sb="6" eb="7">
      <t>ケン</t>
    </rPh>
    <phoneticPr fontId="6"/>
  </si>
  <si>
    <t>幼保連携型認定こども園　華綾幼稚園</t>
    <rPh sb="0" eb="5">
      <t>ヨウホ</t>
    </rPh>
    <rPh sb="5" eb="11">
      <t>ニンテイ</t>
    </rPh>
    <rPh sb="12" eb="13">
      <t>ハナ</t>
    </rPh>
    <rPh sb="13" eb="14">
      <t>アヤ</t>
    </rPh>
    <rPh sb="14" eb="17">
      <t>ヨウチエン</t>
    </rPh>
    <phoneticPr fontId="6"/>
  </si>
  <si>
    <t>南足柄市大雄町1059番地</t>
    <rPh sb="4" eb="7">
      <t>ダイユウチョウ</t>
    </rPh>
    <rPh sb="11" eb="13">
      <t>バンチ</t>
    </rPh>
    <phoneticPr fontId="6"/>
  </si>
  <si>
    <t>認定こども園めぐみの丘幼稚園</t>
    <phoneticPr fontId="6"/>
  </si>
  <si>
    <t>南足柄市沼田323</t>
    <phoneticPr fontId="6"/>
  </si>
  <si>
    <t>綾瀬市
１件</t>
    <rPh sb="0" eb="3">
      <t>アヤセシ</t>
    </rPh>
    <rPh sb="5" eb="6">
      <t>ケン</t>
    </rPh>
    <phoneticPr fontId="6"/>
  </si>
  <si>
    <t>幼保連携型認定こども園　ピッピことりこども園</t>
    <rPh sb="0" eb="5">
      <t>ヨウホ</t>
    </rPh>
    <rPh sb="5" eb="11">
      <t>ニンテイ</t>
    </rPh>
    <rPh sb="21" eb="22">
      <t>エン</t>
    </rPh>
    <phoneticPr fontId="6"/>
  </si>
  <si>
    <t>綾瀬市吉岡1526</t>
    <rPh sb="0" eb="3">
      <t>アヤセシ</t>
    </rPh>
    <rPh sb="3" eb="5">
      <t>ヨシオカ</t>
    </rPh>
    <phoneticPr fontId="6"/>
  </si>
  <si>
    <t>寒川町
２件</t>
    <rPh sb="0" eb="3">
      <t>サムカワマチ</t>
    </rPh>
    <rPh sb="5" eb="6">
      <t>ケン</t>
    </rPh>
    <phoneticPr fontId="6"/>
  </si>
  <si>
    <t>認定こども園　湘南こども園</t>
    <rPh sb="0" eb="6">
      <t>ニンテイ</t>
    </rPh>
    <rPh sb="7" eb="9">
      <t>ショウナン</t>
    </rPh>
    <rPh sb="12" eb="13">
      <t>エン</t>
    </rPh>
    <phoneticPr fontId="6"/>
  </si>
  <si>
    <t>寒川町大曲1-1-6</t>
    <rPh sb="0" eb="3">
      <t>サムカワマチ</t>
    </rPh>
    <rPh sb="3" eb="5">
      <t>オオマガリ</t>
    </rPh>
    <phoneticPr fontId="6"/>
  </si>
  <si>
    <t>幼保連携型認定こども園　寒川さくら幼稚園</t>
  </si>
  <si>
    <t>寒川町岡田４丁目20-35</t>
  </si>
  <si>
    <t>大磯町
２件</t>
    <rPh sb="0" eb="2">
      <t>オオイソ</t>
    </rPh>
    <rPh sb="2" eb="3">
      <t>マチ</t>
    </rPh>
    <rPh sb="5" eb="6">
      <t>ケン</t>
    </rPh>
    <phoneticPr fontId="6"/>
  </si>
  <si>
    <t>認定こども園　あおばと</t>
    <rPh sb="0" eb="2">
      <t>ニンテイ</t>
    </rPh>
    <rPh sb="5" eb="6">
      <t>エン</t>
    </rPh>
    <phoneticPr fontId="6"/>
  </si>
  <si>
    <t>中郡大磯町大磯1121</t>
    <phoneticPr fontId="6"/>
  </si>
  <si>
    <t>認定こども園　サンキッズ国府</t>
    <rPh sb="0" eb="6">
      <t>ニンテイ</t>
    </rPh>
    <rPh sb="12" eb="14">
      <t>コクフ</t>
    </rPh>
    <phoneticPr fontId="6"/>
  </si>
  <si>
    <t>中郡大磯町国府新宿152番地</t>
    <rPh sb="5" eb="9">
      <t>コクフシンシュク</t>
    </rPh>
    <rPh sb="12" eb="14">
      <t>バンチ</t>
    </rPh>
    <phoneticPr fontId="6"/>
  </si>
  <si>
    <t>中井町
１件</t>
    <rPh sb="0" eb="2">
      <t>ナカイ</t>
    </rPh>
    <rPh sb="2" eb="3">
      <t>マチ</t>
    </rPh>
    <rPh sb="5" eb="6">
      <t>ケン</t>
    </rPh>
    <phoneticPr fontId="6"/>
  </si>
  <si>
    <t>なかいこども園</t>
    <rPh sb="6" eb="7">
      <t>エン</t>
    </rPh>
    <phoneticPr fontId="6"/>
  </si>
  <si>
    <t>中井町井ノ口1993-3、1996-1</t>
    <rPh sb="0" eb="2">
      <t>ナカイ</t>
    </rPh>
    <rPh sb="2" eb="3">
      <t>マチ</t>
    </rPh>
    <rPh sb="3" eb="4">
      <t>イ</t>
    </rPh>
    <rPh sb="5" eb="6">
      <t>クチ</t>
    </rPh>
    <phoneticPr fontId="6"/>
  </si>
  <si>
    <t>大井町
１件</t>
    <rPh sb="0" eb="3">
      <t>オオイマチ</t>
    </rPh>
    <rPh sb="3" eb="4">
      <t>ナカマチ</t>
    </rPh>
    <rPh sb="5" eb="6">
      <t>ケン</t>
    </rPh>
    <phoneticPr fontId="6"/>
  </si>
  <si>
    <t>こもれびと風おおい認定こども園</t>
  </si>
  <si>
    <t>足柄上郡大井町大井中央280、281</t>
  </si>
  <si>
    <t>山北町
１件</t>
    <rPh sb="0" eb="2">
      <t>ヤマキタ</t>
    </rPh>
    <rPh sb="2" eb="3">
      <t>マチ</t>
    </rPh>
    <rPh sb="5" eb="6">
      <t>ケン</t>
    </rPh>
    <phoneticPr fontId="6"/>
  </si>
  <si>
    <t>やまきたこども園</t>
    <rPh sb="7" eb="8">
      <t>エン</t>
    </rPh>
    <phoneticPr fontId="6"/>
  </si>
  <si>
    <t>足柄上郡山北町山北1266番地</t>
    <phoneticPr fontId="6"/>
  </si>
  <si>
    <t>箱根町
２件</t>
    <phoneticPr fontId="6"/>
  </si>
  <si>
    <t>仙石原幼児学園</t>
    <phoneticPr fontId="6"/>
  </si>
  <si>
    <t>箱根町仙石原981</t>
    <phoneticPr fontId="6"/>
  </si>
  <si>
    <t>湯本幼児学園</t>
    <phoneticPr fontId="6"/>
  </si>
  <si>
    <t>箱根町湯本392</t>
    <phoneticPr fontId="6"/>
  </si>
  <si>
    <t>愛川町
　　２件</t>
    <rPh sb="0" eb="2">
      <t>アイカワ</t>
    </rPh>
    <rPh sb="2" eb="3">
      <t>マチ</t>
    </rPh>
    <rPh sb="7" eb="8">
      <t>ケン</t>
    </rPh>
    <phoneticPr fontId="6"/>
  </si>
  <si>
    <t>幼保連携型認定こども園　中津幼稚園</t>
  </si>
  <si>
    <t>愛甲郡愛川町中津2217</t>
  </si>
  <si>
    <t>愛川幼稚園</t>
    <rPh sb="0" eb="2">
      <t>アイカワ</t>
    </rPh>
    <rPh sb="2" eb="5">
      <t>ヨウチエン</t>
    </rPh>
    <phoneticPr fontId="6"/>
  </si>
  <si>
    <t>愛甲郡愛川町角田4369-47</t>
    <rPh sb="0" eb="3">
      <t>アイコウグン</t>
    </rPh>
    <rPh sb="3" eb="6">
      <t>アイカワマチ</t>
    </rPh>
    <rPh sb="6" eb="8">
      <t>ツノダ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24" x14ac:knownFonts="1">
    <font>
      <sz val="11"/>
      <name val="ＭＳ Ｐゴシック"/>
      <family val="3"/>
      <charset val="128"/>
    </font>
    <font>
      <sz val="12"/>
      <name val="ＭＳ 明朝"/>
      <family val="1"/>
      <charset val="128"/>
    </font>
    <font>
      <sz val="12"/>
      <color theme="1"/>
      <name val="ＭＳ Ｐゴシック"/>
      <family val="3"/>
      <charset val="128"/>
    </font>
    <font>
      <sz val="6"/>
      <name val="ＭＳ 明朝"/>
      <family val="2"/>
      <charset val="128"/>
    </font>
    <font>
      <b/>
      <sz val="14"/>
      <color theme="1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1"/>
      <color theme="1"/>
      <name val="ＭＳ Ｐ明朝"/>
      <family val="1"/>
      <charset val="128"/>
    </font>
    <font>
      <b/>
      <sz val="10"/>
      <color theme="1"/>
      <name val="ＭＳ Ｐ明朝"/>
      <family val="1"/>
      <charset val="128"/>
    </font>
    <font>
      <b/>
      <sz val="9"/>
      <color theme="1"/>
      <name val="ＭＳ Ｐ明朝"/>
      <family val="1"/>
      <charset val="128"/>
    </font>
    <font>
      <sz val="10"/>
      <color theme="1"/>
      <name val="ＭＳ Ｐ明朝"/>
      <family val="1"/>
      <charset val="128"/>
    </font>
    <font>
      <sz val="8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0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0"/>
      <name val="ＭＳ Ｐゴシック"/>
      <family val="3"/>
      <charset val="128"/>
    </font>
    <font>
      <sz val="10"/>
      <color theme="1"/>
      <name val="ＭＳ 明朝"/>
      <family val="1"/>
      <charset val="128"/>
    </font>
    <font>
      <sz val="6"/>
      <name val="ＭＳ 明朝"/>
      <family val="1"/>
      <charset val="128"/>
    </font>
    <font>
      <b/>
      <sz val="9"/>
      <color indexed="8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20">
    <border>
      <left/>
      <right/>
      <top/>
      <bottom/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/>
      <diagonal/>
    </border>
    <border>
      <left style="thin">
        <color indexed="8"/>
      </left>
      <right style="thin">
        <color indexed="8"/>
      </right>
      <top style="thin">
        <color indexed="64"/>
      </top>
      <bottom/>
      <diagonal/>
    </border>
    <border>
      <left style="thin">
        <color indexed="8"/>
      </left>
      <right style="thin">
        <color indexed="8"/>
      </right>
      <top/>
      <bottom/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8"/>
      </right>
      <top/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74">
    <xf numFmtId="0" fontId="0" fillId="0" borderId="0" xfId="0">
      <alignment vertical="center"/>
    </xf>
    <xf numFmtId="0" fontId="2" fillId="2" borderId="0" xfId="1" applyFont="1" applyFill="1" applyBorder="1">
      <alignment vertical="center"/>
    </xf>
    <xf numFmtId="0" fontId="7" fillId="2" borderId="0" xfId="1" applyFont="1" applyFill="1" applyBorder="1">
      <alignment vertical="center"/>
    </xf>
    <xf numFmtId="0" fontId="2" fillId="2" borderId="0" xfId="1" applyFont="1" applyFill="1" applyBorder="1" applyAlignment="1">
      <alignment horizontal="left" vertical="center"/>
    </xf>
    <xf numFmtId="0" fontId="2" fillId="2" borderId="0" xfId="1" applyFont="1" applyFill="1" applyAlignment="1">
      <alignment horizontal="left" vertical="center"/>
    </xf>
    <xf numFmtId="0" fontId="2" fillId="2" borderId="0" xfId="1" applyFont="1" applyFill="1">
      <alignment vertical="center"/>
    </xf>
    <xf numFmtId="0" fontId="8" fillId="2" borderId="0" xfId="1" applyFont="1" applyFill="1" applyBorder="1">
      <alignment vertical="center"/>
    </xf>
    <xf numFmtId="176" fontId="8" fillId="2" borderId="0" xfId="1" applyNumberFormat="1" applyFont="1" applyFill="1" applyBorder="1" applyAlignment="1">
      <alignment vertical="center"/>
    </xf>
    <xf numFmtId="0" fontId="9" fillId="2" borderId="0" xfId="1" applyFont="1" applyFill="1" applyBorder="1">
      <alignment vertical="center"/>
    </xf>
    <xf numFmtId="0" fontId="9" fillId="2" borderId="1" xfId="1" applyFont="1" applyFill="1" applyBorder="1" applyAlignment="1">
      <alignment vertical="center"/>
    </xf>
    <xf numFmtId="176" fontId="8" fillId="2" borderId="1" xfId="1" applyNumberFormat="1" applyFont="1" applyFill="1" applyBorder="1" applyAlignment="1">
      <alignment horizontal="center" vertical="center"/>
    </xf>
    <xf numFmtId="0" fontId="10" fillId="2" borderId="0" xfId="1" applyFont="1" applyFill="1" applyBorder="1">
      <alignment vertical="center"/>
    </xf>
    <xf numFmtId="0" fontId="11" fillId="2" borderId="2" xfId="1" applyFont="1" applyFill="1" applyBorder="1" applyAlignment="1">
      <alignment horizontal="center" vertical="center" wrapText="1"/>
    </xf>
    <xf numFmtId="0" fontId="11" fillId="2" borderId="3" xfId="1" applyFont="1" applyFill="1" applyBorder="1" applyAlignment="1">
      <alignment horizontal="center" vertical="center" wrapText="1"/>
    </xf>
    <xf numFmtId="0" fontId="12" fillId="2" borderId="3" xfId="1" applyFont="1" applyFill="1" applyBorder="1" applyAlignment="1">
      <alignment horizontal="center" vertical="center" wrapText="1"/>
    </xf>
    <xf numFmtId="0" fontId="11" fillId="2" borderId="4" xfId="1" applyFont="1" applyFill="1" applyBorder="1" applyAlignment="1">
      <alignment horizontal="center" vertical="center" wrapText="1"/>
    </xf>
    <xf numFmtId="0" fontId="13" fillId="2" borderId="5" xfId="1" applyFont="1" applyFill="1" applyBorder="1" applyAlignment="1">
      <alignment horizontal="center" vertical="center" wrapText="1"/>
    </xf>
    <xf numFmtId="0" fontId="10" fillId="2" borderId="0" xfId="1" applyFont="1" applyFill="1">
      <alignment vertical="center"/>
    </xf>
    <xf numFmtId="0" fontId="14" fillId="2" borderId="7" xfId="1" applyFont="1" applyFill="1" applyBorder="1" applyAlignment="1">
      <alignment vertical="center" shrinkToFit="1"/>
    </xf>
    <xf numFmtId="0" fontId="14" fillId="2" borderId="3" xfId="1" applyFont="1" applyFill="1" applyBorder="1" applyAlignment="1">
      <alignment vertical="center" wrapText="1"/>
    </xf>
    <xf numFmtId="31" fontId="15" fillId="2" borderId="3" xfId="0" applyNumberFormat="1" applyFont="1" applyFill="1" applyBorder="1" applyAlignment="1">
      <alignment vertical="center" wrapText="1"/>
    </xf>
    <xf numFmtId="31" fontId="16" fillId="2" borderId="3" xfId="0" applyNumberFormat="1" applyFont="1" applyFill="1" applyBorder="1" applyAlignment="1">
      <alignment horizontal="center" vertical="center" wrapText="1"/>
    </xf>
    <xf numFmtId="0" fontId="16" fillId="2" borderId="8" xfId="1" applyFont="1" applyFill="1" applyBorder="1" applyAlignment="1">
      <alignment horizontal="center" vertical="center"/>
    </xf>
    <xf numFmtId="31" fontId="15" fillId="2" borderId="2" xfId="0" applyNumberFormat="1" applyFont="1" applyFill="1" applyBorder="1" applyAlignment="1">
      <alignment vertical="center" wrapText="1"/>
    </xf>
    <xf numFmtId="31" fontId="16" fillId="2" borderId="2" xfId="0" applyNumberFormat="1" applyFont="1" applyFill="1" applyBorder="1" applyAlignment="1">
      <alignment horizontal="center" vertical="center" wrapText="1"/>
    </xf>
    <xf numFmtId="0" fontId="14" fillId="2" borderId="3" xfId="1" applyFont="1" applyFill="1" applyBorder="1" applyAlignment="1">
      <alignment vertical="center" shrinkToFit="1"/>
    </xf>
    <xf numFmtId="0" fontId="14" fillId="2" borderId="10" xfId="1" applyFont="1" applyFill="1" applyBorder="1" applyAlignment="1">
      <alignment vertical="center" shrinkToFit="1"/>
    </xf>
    <xf numFmtId="0" fontId="14" fillId="2" borderId="2" xfId="1" applyFont="1" applyFill="1" applyBorder="1" applyAlignment="1">
      <alignment vertical="center" wrapText="1"/>
    </xf>
    <xf numFmtId="0" fontId="16" fillId="2" borderId="6" xfId="1" applyFont="1" applyFill="1" applyBorder="1" applyAlignment="1">
      <alignment horizontal="center" vertical="center"/>
    </xf>
    <xf numFmtId="0" fontId="14" fillId="2" borderId="8" xfId="1" applyFont="1" applyFill="1" applyBorder="1" applyAlignment="1">
      <alignment vertical="center" shrinkToFit="1"/>
    </xf>
    <xf numFmtId="0" fontId="14" fillId="2" borderId="8" xfId="1" applyFont="1" applyFill="1" applyBorder="1" applyAlignment="1">
      <alignment vertical="center" wrapText="1"/>
    </xf>
    <xf numFmtId="31" fontId="15" fillId="2" borderId="8" xfId="0" applyNumberFormat="1" applyFont="1" applyFill="1" applyBorder="1" applyAlignment="1">
      <alignment vertical="center" wrapText="1"/>
    </xf>
    <xf numFmtId="31" fontId="16" fillId="2" borderId="8" xfId="0" applyNumberFormat="1" applyFont="1" applyFill="1" applyBorder="1" applyAlignment="1">
      <alignment horizontal="center" vertical="center" wrapText="1"/>
    </xf>
    <xf numFmtId="0" fontId="14" fillId="2" borderId="8" xfId="1" applyFont="1" applyFill="1" applyBorder="1">
      <alignment vertical="center"/>
    </xf>
    <xf numFmtId="0" fontId="17" fillId="2" borderId="8" xfId="1" applyFont="1" applyFill="1" applyBorder="1" applyAlignment="1">
      <alignment vertical="center" shrinkToFit="1"/>
    </xf>
    <xf numFmtId="0" fontId="17" fillId="2" borderId="8" xfId="1" applyFont="1" applyFill="1" applyBorder="1" applyAlignment="1">
      <alignment vertical="center" wrapText="1"/>
    </xf>
    <xf numFmtId="31" fontId="18" fillId="2" borderId="8" xfId="0" applyNumberFormat="1" applyFont="1" applyFill="1" applyBorder="1" applyAlignment="1">
      <alignment vertical="center" wrapText="1"/>
    </xf>
    <xf numFmtId="31" fontId="19" fillId="2" borderId="8" xfId="0" applyNumberFormat="1" applyFont="1" applyFill="1" applyBorder="1" applyAlignment="1">
      <alignment horizontal="center" vertical="center" wrapText="1"/>
    </xf>
    <xf numFmtId="0" fontId="19" fillId="2" borderId="8" xfId="1" applyFont="1" applyFill="1" applyBorder="1" applyAlignment="1">
      <alignment horizontal="center" vertical="center"/>
    </xf>
    <xf numFmtId="0" fontId="21" fillId="2" borderId="8" xfId="1" applyFont="1" applyFill="1" applyBorder="1" applyAlignment="1">
      <alignment horizontal="left" vertical="center" wrapText="1"/>
    </xf>
    <xf numFmtId="0" fontId="14" fillId="2" borderId="8" xfId="1" applyFont="1" applyFill="1" applyBorder="1" applyAlignment="1">
      <alignment vertical="center" wrapText="1" shrinkToFit="1"/>
    </xf>
    <xf numFmtId="0" fontId="8" fillId="2" borderId="0" xfId="1" applyFont="1" applyFill="1">
      <alignment vertical="center"/>
    </xf>
    <xf numFmtId="0" fontId="17" fillId="2" borderId="8" xfId="1" applyFont="1" applyFill="1" applyBorder="1">
      <alignment vertical="center"/>
    </xf>
    <xf numFmtId="0" fontId="14" fillId="2" borderId="7" xfId="1" applyFont="1" applyFill="1" applyBorder="1">
      <alignment vertical="center"/>
    </xf>
    <xf numFmtId="31" fontId="16" fillId="2" borderId="4" xfId="0" applyNumberFormat="1" applyFont="1" applyFill="1" applyBorder="1" applyAlignment="1">
      <alignment horizontal="center" vertical="center" wrapText="1"/>
    </xf>
    <xf numFmtId="0" fontId="14" fillId="2" borderId="10" xfId="1" applyFont="1" applyFill="1" applyBorder="1">
      <alignment vertical="center"/>
    </xf>
    <xf numFmtId="31" fontId="16" fillId="2" borderId="12" xfId="0" applyNumberFormat="1" applyFont="1" applyFill="1" applyBorder="1" applyAlignment="1">
      <alignment horizontal="center" vertical="center" wrapText="1"/>
    </xf>
    <xf numFmtId="0" fontId="14" fillId="2" borderId="2" xfId="1" applyFont="1" applyFill="1" applyBorder="1">
      <alignment vertical="center"/>
    </xf>
    <xf numFmtId="0" fontId="14" fillId="2" borderId="11" xfId="1" applyFont="1" applyFill="1" applyBorder="1" applyAlignment="1">
      <alignment horizontal="center" vertical="top" wrapText="1"/>
    </xf>
    <xf numFmtId="0" fontId="14" fillId="2" borderId="15" xfId="1" applyFont="1" applyFill="1" applyBorder="1">
      <alignment vertical="center"/>
    </xf>
    <xf numFmtId="0" fontId="14" fillId="2" borderId="16" xfId="1" applyFont="1" applyFill="1" applyBorder="1">
      <alignment vertical="center"/>
    </xf>
    <xf numFmtId="31" fontId="15" fillId="2" borderId="16" xfId="0" applyNumberFormat="1" applyFont="1" applyFill="1" applyBorder="1" applyAlignment="1">
      <alignment vertical="center" wrapText="1"/>
    </xf>
    <xf numFmtId="31" fontId="16" fillId="2" borderId="17" xfId="0" applyNumberFormat="1" applyFont="1" applyFill="1" applyBorder="1" applyAlignment="1">
      <alignment horizontal="center" vertical="center" wrapText="1"/>
    </xf>
    <xf numFmtId="0" fontId="16" fillId="2" borderId="11" xfId="1" applyFont="1" applyFill="1" applyBorder="1" applyAlignment="1">
      <alignment horizontal="center" vertical="center"/>
    </xf>
    <xf numFmtId="0" fontId="14" fillId="2" borderId="3" xfId="1" applyFont="1" applyFill="1" applyBorder="1">
      <alignment vertical="center"/>
    </xf>
    <xf numFmtId="0" fontId="14" fillId="2" borderId="16" xfId="1" applyFont="1" applyFill="1" applyBorder="1" applyAlignment="1">
      <alignment vertical="center" wrapText="1"/>
    </xf>
    <xf numFmtId="0" fontId="14" fillId="2" borderId="18" xfId="1" applyFont="1" applyFill="1" applyBorder="1">
      <alignment vertical="center"/>
    </xf>
    <xf numFmtId="0" fontId="14" fillId="2" borderId="19" xfId="1" applyFont="1" applyFill="1" applyBorder="1">
      <alignment vertical="center"/>
    </xf>
    <xf numFmtId="0" fontId="14" fillId="2" borderId="8" xfId="1" applyFont="1" applyFill="1" applyBorder="1" applyAlignment="1">
      <alignment horizontal="center" vertical="top" wrapText="1"/>
    </xf>
    <xf numFmtId="0" fontId="14" fillId="2" borderId="15" xfId="1" applyFont="1" applyFill="1" applyBorder="1" applyAlignment="1">
      <alignment vertical="center" wrapText="1"/>
    </xf>
    <xf numFmtId="0" fontId="14" fillId="2" borderId="3" xfId="1" applyFont="1" applyFill="1" applyBorder="1" applyAlignment="1">
      <alignment horizontal="center" vertical="center" wrapText="1"/>
    </xf>
    <xf numFmtId="0" fontId="14" fillId="2" borderId="2" xfId="1" applyFont="1" applyFill="1" applyBorder="1" applyAlignment="1">
      <alignment horizontal="center" vertical="center" wrapText="1"/>
    </xf>
    <xf numFmtId="0" fontId="7" fillId="2" borderId="0" xfId="1" applyFont="1" applyFill="1">
      <alignment vertical="center"/>
    </xf>
    <xf numFmtId="0" fontId="2" fillId="2" borderId="0" xfId="1" applyFont="1" applyFill="1" applyAlignment="1">
      <alignment vertical="center" shrinkToFit="1"/>
    </xf>
    <xf numFmtId="0" fontId="2" fillId="2" borderId="0" xfId="1" applyFont="1" applyFill="1" applyAlignment="1">
      <alignment horizontal="left" vertical="center" shrinkToFit="1"/>
    </xf>
    <xf numFmtId="0" fontId="14" fillId="2" borderId="2" xfId="1" applyFont="1" applyFill="1" applyBorder="1" applyAlignment="1">
      <alignment horizontal="center" vertical="top" wrapText="1"/>
    </xf>
    <xf numFmtId="0" fontId="14" fillId="2" borderId="16" xfId="1" applyFont="1" applyFill="1" applyBorder="1" applyAlignment="1">
      <alignment horizontal="center" vertical="top" wrapText="1"/>
    </xf>
    <xf numFmtId="0" fontId="14" fillId="2" borderId="14" xfId="1" applyFont="1" applyFill="1" applyBorder="1" applyAlignment="1">
      <alignment horizontal="center" vertical="top" wrapText="1"/>
    </xf>
    <xf numFmtId="0" fontId="14" fillId="2" borderId="8" xfId="1" applyFont="1" applyFill="1" applyBorder="1" applyAlignment="1">
      <alignment horizontal="center" vertical="top" wrapText="1"/>
    </xf>
    <xf numFmtId="0" fontId="14" fillId="2" borderId="9" xfId="1" applyFont="1" applyFill="1" applyBorder="1" applyAlignment="1">
      <alignment horizontal="center" vertical="top" wrapText="1"/>
    </xf>
    <xf numFmtId="0" fontId="14" fillId="2" borderId="11" xfId="1" applyFont="1" applyFill="1" applyBorder="1" applyAlignment="1">
      <alignment horizontal="center" vertical="top" wrapText="1"/>
    </xf>
    <xf numFmtId="0" fontId="14" fillId="2" borderId="6" xfId="1" applyFont="1" applyFill="1" applyBorder="1" applyAlignment="1">
      <alignment horizontal="center" vertical="top" wrapText="1"/>
    </xf>
    <xf numFmtId="0" fontId="14" fillId="2" borderId="13" xfId="1" applyFont="1" applyFill="1" applyBorder="1" applyAlignment="1">
      <alignment horizontal="center" vertical="top" wrapText="1"/>
    </xf>
    <xf numFmtId="0" fontId="4" fillId="2" borderId="0" xfId="1" applyFont="1" applyFill="1" applyBorder="1" applyAlignment="1">
      <alignment horizontal="left" vertical="center"/>
    </xf>
  </cellXfs>
  <cellStyles count="2">
    <cellStyle name="標準" xfId="0" builtinId="0"/>
    <cellStyle name="標準_Book1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76200</xdr:colOff>
      <xdr:row>1</xdr:row>
      <xdr:rowOff>163286</xdr:rowOff>
    </xdr:from>
    <xdr:to>
      <xdr:col>3</xdr:col>
      <xdr:colOff>1055403</xdr:colOff>
      <xdr:row>1</xdr:row>
      <xdr:rowOff>1163117</xdr:rowOff>
    </xdr:to>
    <xdr:pic>
      <xdr:nvPicPr>
        <xdr:cNvPr id="2" name="図 1"/>
        <xdr:cNvPicPr>
          <a:picLocks noChangeAspect="1"/>
        </xdr:cNvPicPr>
      </xdr:nvPicPr>
      <xdr:blipFill>
        <a:blip xmlns:r="http://schemas.openxmlformats.org/officeDocument/2006/relationships" r:embed="rId1"/>
        <a:stretch>
          <a:fillRect/>
        </a:stretch>
      </xdr:blipFill>
      <xdr:spPr>
        <a:xfrm>
          <a:off x="220980" y="513806"/>
          <a:ext cx="4156743" cy="999831"/>
        </a:xfrm>
        <a:prstGeom prst="rect">
          <a:avLst/>
        </a:prstGeom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J292"/>
  <sheetViews>
    <sheetView tabSelected="1" view="pageBreakPreview" zoomScale="70" zoomScaleNormal="100" zoomScaleSheetLayoutView="70" workbookViewId="0">
      <selection activeCell="V286" sqref="V286"/>
    </sheetView>
  </sheetViews>
  <sheetFormatPr defaultColWidth="9" defaultRowHeight="14.4" x14ac:dyDescent="0.2"/>
  <cols>
    <col min="1" max="1" width="2.109375" style="5" customWidth="1"/>
    <col min="2" max="2" width="9.6640625" style="41" customWidth="1"/>
    <col min="3" max="3" width="36.6640625" style="5" customWidth="1"/>
    <col min="4" max="4" width="26.6640625" style="5" customWidth="1"/>
    <col min="5" max="5" width="11.77734375" style="5" customWidth="1"/>
    <col min="6" max="6" width="9.109375" style="5" customWidth="1"/>
    <col min="7" max="7" width="7.6640625" style="62" customWidth="1"/>
    <col min="8" max="8" width="3.44140625" style="4" customWidth="1"/>
    <col min="9" max="9" width="7.6640625" style="4" customWidth="1"/>
    <col min="10" max="14" width="12.109375" style="5" customWidth="1"/>
    <col min="15" max="16384" width="9" style="5"/>
  </cols>
  <sheetData>
    <row r="1" spans="1:9" ht="27.75" customHeight="1" x14ac:dyDescent="0.2">
      <c r="A1" s="1"/>
      <c r="B1" s="73" t="s">
        <v>0</v>
      </c>
      <c r="C1" s="73"/>
      <c r="D1" s="73"/>
      <c r="E1" s="1"/>
      <c r="F1" s="1"/>
      <c r="G1" s="2"/>
      <c r="H1" s="3"/>
    </row>
    <row r="2" spans="1:9" s="1" customFormat="1" ht="108.6" customHeight="1" x14ac:dyDescent="0.2">
      <c r="B2" s="6"/>
      <c r="E2" s="7"/>
      <c r="F2" s="7"/>
      <c r="G2" s="2"/>
      <c r="H2" s="3"/>
      <c r="I2" s="3"/>
    </row>
    <row r="3" spans="1:9" ht="25.5" customHeight="1" x14ac:dyDescent="0.2">
      <c r="A3" s="1"/>
      <c r="B3" s="8" t="s">
        <v>1</v>
      </c>
      <c r="C3" s="9"/>
      <c r="D3" s="9"/>
      <c r="E3" s="10"/>
      <c r="F3" s="10"/>
      <c r="G3" s="2"/>
      <c r="H3" s="3"/>
    </row>
    <row r="4" spans="1:9" s="17" customFormat="1" ht="27" customHeight="1" x14ac:dyDescent="0.2">
      <c r="A4" s="11"/>
      <c r="B4" s="12" t="s">
        <v>2</v>
      </c>
      <c r="C4" s="13" t="s">
        <v>3</v>
      </c>
      <c r="D4" s="13" t="s">
        <v>4</v>
      </c>
      <c r="E4" s="14" t="s">
        <v>5</v>
      </c>
      <c r="F4" s="15" t="s">
        <v>6</v>
      </c>
      <c r="G4" s="16" t="s">
        <v>7</v>
      </c>
    </row>
    <row r="5" spans="1:9" ht="22.5" customHeight="1" x14ac:dyDescent="0.2">
      <c r="A5" s="1"/>
      <c r="B5" s="71" t="s">
        <v>8</v>
      </c>
      <c r="C5" s="18" t="s">
        <v>9</v>
      </c>
      <c r="D5" s="19" t="s">
        <v>10</v>
      </c>
      <c r="E5" s="20">
        <v>39173</v>
      </c>
      <c r="F5" s="21" t="s">
        <v>11</v>
      </c>
      <c r="G5" s="22" t="s">
        <v>12</v>
      </c>
      <c r="H5" s="5"/>
      <c r="I5" s="5"/>
    </row>
    <row r="6" spans="1:9" ht="22.5" customHeight="1" x14ac:dyDescent="0.2">
      <c r="A6" s="1"/>
      <c r="B6" s="69"/>
      <c r="C6" s="18" t="s">
        <v>13</v>
      </c>
      <c r="D6" s="19" t="s">
        <v>14</v>
      </c>
      <c r="E6" s="20">
        <v>39173</v>
      </c>
      <c r="F6" s="21" t="s">
        <v>11</v>
      </c>
      <c r="G6" s="22" t="s">
        <v>12</v>
      </c>
      <c r="H6" s="5"/>
      <c r="I6" s="5"/>
    </row>
    <row r="7" spans="1:9" ht="22.5" customHeight="1" x14ac:dyDescent="0.2">
      <c r="A7" s="1"/>
      <c r="B7" s="69"/>
      <c r="C7" s="18" t="s">
        <v>18</v>
      </c>
      <c r="D7" s="19" t="s">
        <v>19</v>
      </c>
      <c r="E7" s="20">
        <v>39539</v>
      </c>
      <c r="F7" s="21" t="s">
        <v>11</v>
      </c>
      <c r="G7" s="22" t="s">
        <v>12</v>
      </c>
      <c r="H7" s="5"/>
      <c r="I7" s="5"/>
    </row>
    <row r="8" spans="1:9" ht="22.5" customHeight="1" x14ac:dyDescent="0.2">
      <c r="A8" s="1"/>
      <c r="B8" s="69"/>
      <c r="C8" s="18" t="s">
        <v>20</v>
      </c>
      <c r="D8" s="19" t="s">
        <v>21</v>
      </c>
      <c r="E8" s="20">
        <v>39539</v>
      </c>
      <c r="F8" s="21" t="s">
        <v>11</v>
      </c>
      <c r="G8" s="22" t="s">
        <v>12</v>
      </c>
      <c r="H8" s="5"/>
      <c r="I8" s="5"/>
    </row>
    <row r="9" spans="1:9" ht="22.5" customHeight="1" x14ac:dyDescent="0.2">
      <c r="A9" s="1"/>
      <c r="B9" s="69"/>
      <c r="C9" s="18" t="s">
        <v>22</v>
      </c>
      <c r="D9" s="19" t="s">
        <v>23</v>
      </c>
      <c r="E9" s="20">
        <v>39904</v>
      </c>
      <c r="F9" s="21" t="s">
        <v>11</v>
      </c>
      <c r="G9" s="22" t="s">
        <v>12</v>
      </c>
      <c r="H9" s="5"/>
      <c r="I9" s="5"/>
    </row>
    <row r="10" spans="1:9" ht="22.5" customHeight="1" x14ac:dyDescent="0.2">
      <c r="A10" s="1"/>
      <c r="B10" s="69"/>
      <c r="C10" s="18" t="s">
        <v>24</v>
      </c>
      <c r="D10" s="19" t="s">
        <v>25</v>
      </c>
      <c r="E10" s="20">
        <v>39904</v>
      </c>
      <c r="F10" s="21" t="s">
        <v>11</v>
      </c>
      <c r="G10" s="22" t="s">
        <v>12</v>
      </c>
      <c r="H10" s="5"/>
      <c r="I10" s="5"/>
    </row>
    <row r="11" spans="1:9" ht="27.6" customHeight="1" x14ac:dyDescent="0.2">
      <c r="A11" s="1"/>
      <c r="B11" s="69"/>
      <c r="C11" s="18" t="s">
        <v>28</v>
      </c>
      <c r="D11" s="19" t="s">
        <v>29</v>
      </c>
      <c r="E11" s="23">
        <v>39904</v>
      </c>
      <c r="F11" s="24" t="s">
        <v>11</v>
      </c>
      <c r="G11" s="22" t="s">
        <v>12</v>
      </c>
      <c r="H11" s="5"/>
      <c r="I11" s="5"/>
    </row>
    <row r="12" spans="1:9" ht="27.6" customHeight="1" x14ac:dyDescent="0.2">
      <c r="A12" s="1"/>
      <c r="B12" s="69"/>
      <c r="C12" s="18" t="s">
        <v>31</v>
      </c>
      <c r="D12" s="19" t="s">
        <v>32</v>
      </c>
      <c r="E12" s="20">
        <v>40634</v>
      </c>
      <c r="F12" s="21" t="s">
        <v>33</v>
      </c>
      <c r="G12" s="22" t="s">
        <v>12</v>
      </c>
      <c r="H12" s="5"/>
      <c r="I12" s="5"/>
    </row>
    <row r="13" spans="1:9" ht="22.5" customHeight="1" x14ac:dyDescent="0.2">
      <c r="A13" s="1"/>
      <c r="B13" s="69"/>
      <c r="C13" s="18" t="s">
        <v>35</v>
      </c>
      <c r="D13" s="19" t="s">
        <v>36</v>
      </c>
      <c r="E13" s="20">
        <v>41000</v>
      </c>
      <c r="F13" s="21" t="s">
        <v>11</v>
      </c>
      <c r="G13" s="22" t="s">
        <v>12</v>
      </c>
      <c r="H13" s="5"/>
      <c r="I13" s="5"/>
    </row>
    <row r="14" spans="1:9" ht="27.6" customHeight="1" x14ac:dyDescent="0.2">
      <c r="A14" s="1"/>
      <c r="B14" s="69"/>
      <c r="C14" s="18" t="s">
        <v>37</v>
      </c>
      <c r="D14" s="19" t="s">
        <v>38</v>
      </c>
      <c r="E14" s="20">
        <v>41000</v>
      </c>
      <c r="F14" s="21" t="s">
        <v>11</v>
      </c>
      <c r="G14" s="22" t="s">
        <v>12</v>
      </c>
      <c r="H14" s="5"/>
      <c r="I14" s="5"/>
    </row>
    <row r="15" spans="1:9" ht="22.5" customHeight="1" x14ac:dyDescent="0.2">
      <c r="A15" s="1"/>
      <c r="B15" s="69"/>
      <c r="C15" s="18" t="s">
        <v>39</v>
      </c>
      <c r="D15" s="19" t="s">
        <v>40</v>
      </c>
      <c r="E15" s="20">
        <v>41365</v>
      </c>
      <c r="F15" s="21" t="s">
        <v>11</v>
      </c>
      <c r="G15" s="22" t="s">
        <v>12</v>
      </c>
      <c r="H15" s="5"/>
      <c r="I15" s="5"/>
    </row>
    <row r="16" spans="1:9" ht="22.5" customHeight="1" x14ac:dyDescent="0.2">
      <c r="A16" s="1"/>
      <c r="B16" s="69"/>
      <c r="C16" s="18" t="s">
        <v>41</v>
      </c>
      <c r="D16" s="19" t="s">
        <v>42</v>
      </c>
      <c r="E16" s="20">
        <v>41365</v>
      </c>
      <c r="F16" s="24" t="s">
        <v>11</v>
      </c>
      <c r="G16" s="22" t="s">
        <v>12</v>
      </c>
      <c r="H16" s="5"/>
      <c r="I16" s="5"/>
    </row>
    <row r="17" spans="1:9" ht="22.5" customHeight="1" x14ac:dyDescent="0.2">
      <c r="A17" s="1"/>
      <c r="B17" s="69"/>
      <c r="C17" s="18" t="s">
        <v>43</v>
      </c>
      <c r="D17" s="19" t="s">
        <v>44</v>
      </c>
      <c r="E17" s="20">
        <v>41365</v>
      </c>
      <c r="F17" s="21" t="s">
        <v>11</v>
      </c>
      <c r="G17" s="22" t="s">
        <v>12</v>
      </c>
      <c r="H17" s="5"/>
      <c r="I17" s="5"/>
    </row>
    <row r="18" spans="1:9" ht="27.6" customHeight="1" x14ac:dyDescent="0.2">
      <c r="A18" s="1"/>
      <c r="B18" s="69"/>
      <c r="C18" s="18" t="s">
        <v>45</v>
      </c>
      <c r="D18" s="19" t="s">
        <v>46</v>
      </c>
      <c r="E18" s="20">
        <v>42095</v>
      </c>
      <c r="F18" s="21" t="s">
        <v>11</v>
      </c>
      <c r="G18" s="22" t="s">
        <v>12</v>
      </c>
      <c r="H18" s="5"/>
      <c r="I18" s="5"/>
    </row>
    <row r="19" spans="1:9" ht="22.5" customHeight="1" x14ac:dyDescent="0.2">
      <c r="A19" s="1"/>
      <c r="B19" s="69"/>
      <c r="C19" s="18" t="s">
        <v>47</v>
      </c>
      <c r="D19" s="19" t="s">
        <v>48</v>
      </c>
      <c r="E19" s="20">
        <v>42095</v>
      </c>
      <c r="F19" s="21" t="s">
        <v>11</v>
      </c>
      <c r="G19" s="22" t="s">
        <v>12</v>
      </c>
      <c r="H19" s="5"/>
      <c r="I19" s="5"/>
    </row>
    <row r="20" spans="1:9" ht="22.5" customHeight="1" x14ac:dyDescent="0.2">
      <c r="A20" s="1"/>
      <c r="B20" s="69"/>
      <c r="C20" s="18" t="s">
        <v>49</v>
      </c>
      <c r="D20" s="19" t="s">
        <v>50</v>
      </c>
      <c r="E20" s="20">
        <v>42095</v>
      </c>
      <c r="F20" s="21" t="s">
        <v>11</v>
      </c>
      <c r="G20" s="22" t="s">
        <v>12</v>
      </c>
      <c r="H20" s="5"/>
      <c r="I20" s="5"/>
    </row>
    <row r="21" spans="1:9" ht="22.5" customHeight="1" x14ac:dyDescent="0.2">
      <c r="A21" s="1"/>
      <c r="B21" s="69"/>
      <c r="C21" s="18" t="s">
        <v>51</v>
      </c>
      <c r="D21" s="19" t="s">
        <v>52</v>
      </c>
      <c r="E21" s="20">
        <v>42461</v>
      </c>
      <c r="F21" s="21" t="s">
        <v>11</v>
      </c>
      <c r="G21" s="22" t="s">
        <v>12</v>
      </c>
      <c r="H21" s="5"/>
      <c r="I21" s="5"/>
    </row>
    <row r="22" spans="1:9" ht="22.5" customHeight="1" x14ac:dyDescent="0.2">
      <c r="A22" s="1"/>
      <c r="B22" s="69"/>
      <c r="C22" s="18" t="s">
        <v>53</v>
      </c>
      <c r="D22" s="19" t="s">
        <v>54</v>
      </c>
      <c r="E22" s="20">
        <v>42461</v>
      </c>
      <c r="F22" s="21" t="s">
        <v>11</v>
      </c>
      <c r="G22" s="22" t="s">
        <v>12</v>
      </c>
      <c r="H22" s="5"/>
      <c r="I22" s="5"/>
    </row>
    <row r="23" spans="1:9" ht="27.6" customHeight="1" x14ac:dyDescent="0.2">
      <c r="A23" s="1"/>
      <c r="B23" s="69"/>
      <c r="C23" s="18" t="s">
        <v>55</v>
      </c>
      <c r="D23" s="19" t="s">
        <v>56</v>
      </c>
      <c r="E23" s="20">
        <v>42461</v>
      </c>
      <c r="F23" s="21" t="s">
        <v>11</v>
      </c>
      <c r="G23" s="22" t="s">
        <v>12</v>
      </c>
      <c r="H23" s="5"/>
      <c r="I23" s="5"/>
    </row>
    <row r="24" spans="1:9" ht="27.6" customHeight="1" x14ac:dyDescent="0.2">
      <c r="A24" s="1"/>
      <c r="B24" s="69"/>
      <c r="C24" s="18" t="s">
        <v>57</v>
      </c>
      <c r="D24" s="19" t="s">
        <v>58</v>
      </c>
      <c r="E24" s="20">
        <v>42826</v>
      </c>
      <c r="F24" s="21" t="s">
        <v>11</v>
      </c>
      <c r="G24" s="22" t="s">
        <v>12</v>
      </c>
      <c r="H24" s="5"/>
      <c r="I24" s="5"/>
    </row>
    <row r="25" spans="1:9" ht="27.6" customHeight="1" x14ac:dyDescent="0.2">
      <c r="A25" s="1"/>
      <c r="B25" s="69"/>
      <c r="C25" s="18" t="s">
        <v>59</v>
      </c>
      <c r="D25" s="19" t="s">
        <v>60</v>
      </c>
      <c r="E25" s="20">
        <v>42826</v>
      </c>
      <c r="F25" s="21" t="s">
        <v>11</v>
      </c>
      <c r="G25" s="22" t="s">
        <v>12</v>
      </c>
      <c r="H25" s="5"/>
      <c r="I25" s="5"/>
    </row>
    <row r="26" spans="1:9" ht="22.5" customHeight="1" x14ac:dyDescent="0.2">
      <c r="A26" s="1"/>
      <c r="B26" s="69"/>
      <c r="C26" s="18" t="s">
        <v>61</v>
      </c>
      <c r="D26" s="19" t="s">
        <v>62</v>
      </c>
      <c r="E26" s="20">
        <v>42826</v>
      </c>
      <c r="F26" s="21" t="s">
        <v>11</v>
      </c>
      <c r="G26" s="22" t="s">
        <v>12</v>
      </c>
      <c r="H26" s="5"/>
      <c r="I26" s="5"/>
    </row>
    <row r="27" spans="1:9" ht="22.5" customHeight="1" x14ac:dyDescent="0.2">
      <c r="A27" s="1"/>
      <c r="B27" s="69"/>
      <c r="C27" s="18" t="s">
        <v>63</v>
      </c>
      <c r="D27" s="19" t="s">
        <v>64</v>
      </c>
      <c r="E27" s="20">
        <v>43191</v>
      </c>
      <c r="F27" s="21" t="s">
        <v>26</v>
      </c>
      <c r="G27" s="22" t="s">
        <v>12</v>
      </c>
      <c r="H27" s="5"/>
      <c r="I27" s="5"/>
    </row>
    <row r="28" spans="1:9" ht="22.5" customHeight="1" x14ac:dyDescent="0.2">
      <c r="A28" s="1"/>
      <c r="B28" s="69"/>
      <c r="C28" s="18" t="s">
        <v>65</v>
      </c>
      <c r="D28" s="19" t="s">
        <v>66</v>
      </c>
      <c r="E28" s="20">
        <v>43191</v>
      </c>
      <c r="F28" s="21" t="s">
        <v>26</v>
      </c>
      <c r="G28" s="22" t="s">
        <v>12</v>
      </c>
      <c r="H28" s="5"/>
      <c r="I28" s="5"/>
    </row>
    <row r="29" spans="1:9" ht="22.5" customHeight="1" x14ac:dyDescent="0.2">
      <c r="A29" s="1"/>
      <c r="B29" s="69"/>
      <c r="C29" s="18" t="s">
        <v>67</v>
      </c>
      <c r="D29" s="19" t="s">
        <v>68</v>
      </c>
      <c r="E29" s="20">
        <v>43191</v>
      </c>
      <c r="F29" s="21" t="s">
        <v>26</v>
      </c>
      <c r="G29" s="22" t="s">
        <v>12</v>
      </c>
      <c r="H29" s="5"/>
      <c r="I29" s="5"/>
    </row>
    <row r="30" spans="1:9" ht="22.5" customHeight="1" x14ac:dyDescent="0.2">
      <c r="A30" s="1"/>
      <c r="B30" s="69"/>
      <c r="C30" s="18" t="s">
        <v>69</v>
      </c>
      <c r="D30" s="19" t="s">
        <v>70</v>
      </c>
      <c r="E30" s="20">
        <v>43191</v>
      </c>
      <c r="F30" s="21" t="s">
        <v>26</v>
      </c>
      <c r="G30" s="22" t="s">
        <v>12</v>
      </c>
      <c r="H30" s="5"/>
      <c r="I30" s="5"/>
    </row>
    <row r="31" spans="1:9" ht="22.5" customHeight="1" x14ac:dyDescent="0.2">
      <c r="A31" s="1"/>
      <c r="B31" s="69"/>
      <c r="C31" s="18" t="s">
        <v>71</v>
      </c>
      <c r="D31" s="19" t="s">
        <v>72</v>
      </c>
      <c r="E31" s="20">
        <v>43191</v>
      </c>
      <c r="F31" s="21" t="s">
        <v>26</v>
      </c>
      <c r="G31" s="22" t="s">
        <v>12</v>
      </c>
      <c r="H31" s="5"/>
      <c r="I31" s="5"/>
    </row>
    <row r="32" spans="1:9" ht="22.5" customHeight="1" x14ac:dyDescent="0.2">
      <c r="A32" s="1"/>
      <c r="B32" s="69"/>
      <c r="C32" s="18" t="s">
        <v>73</v>
      </c>
      <c r="D32" s="19" t="s">
        <v>74</v>
      </c>
      <c r="E32" s="20">
        <v>43191</v>
      </c>
      <c r="F32" s="21" t="s">
        <v>26</v>
      </c>
      <c r="G32" s="22" t="s">
        <v>12</v>
      </c>
      <c r="H32" s="5"/>
      <c r="I32" s="5"/>
    </row>
    <row r="33" spans="1:9" ht="22.5" customHeight="1" x14ac:dyDescent="0.2">
      <c r="A33" s="1"/>
      <c r="B33" s="69"/>
      <c r="C33" s="18" t="s">
        <v>75</v>
      </c>
      <c r="D33" s="19" t="s">
        <v>76</v>
      </c>
      <c r="E33" s="20">
        <v>43191</v>
      </c>
      <c r="F33" s="21" t="s">
        <v>26</v>
      </c>
      <c r="G33" s="22" t="s">
        <v>12</v>
      </c>
      <c r="H33" s="5"/>
      <c r="I33" s="5"/>
    </row>
    <row r="34" spans="1:9" ht="22.5" customHeight="1" x14ac:dyDescent="0.2">
      <c r="A34" s="1"/>
      <c r="B34" s="69"/>
      <c r="C34" s="18" t="s">
        <v>77</v>
      </c>
      <c r="D34" s="19" t="s">
        <v>78</v>
      </c>
      <c r="E34" s="20">
        <v>43556</v>
      </c>
      <c r="F34" s="21" t="s">
        <v>26</v>
      </c>
      <c r="G34" s="22" t="s">
        <v>12</v>
      </c>
      <c r="H34" s="5"/>
      <c r="I34" s="5"/>
    </row>
    <row r="35" spans="1:9" ht="22.5" customHeight="1" x14ac:dyDescent="0.2">
      <c r="A35" s="1"/>
      <c r="B35" s="69"/>
      <c r="C35" s="18" t="s">
        <v>79</v>
      </c>
      <c r="D35" s="19" t="s">
        <v>80</v>
      </c>
      <c r="E35" s="20">
        <v>43556</v>
      </c>
      <c r="F35" s="21" t="s">
        <v>26</v>
      </c>
      <c r="G35" s="22" t="s">
        <v>12</v>
      </c>
      <c r="H35" s="5"/>
      <c r="I35" s="5"/>
    </row>
    <row r="36" spans="1:9" ht="22.5" customHeight="1" x14ac:dyDescent="0.2">
      <c r="A36" s="1"/>
      <c r="B36" s="69"/>
      <c r="C36" s="18" t="s">
        <v>81</v>
      </c>
      <c r="D36" s="19" t="s">
        <v>82</v>
      </c>
      <c r="E36" s="20">
        <v>43556</v>
      </c>
      <c r="F36" s="21" t="s">
        <v>26</v>
      </c>
      <c r="G36" s="22" t="s">
        <v>12</v>
      </c>
      <c r="H36" s="5"/>
      <c r="I36" s="5"/>
    </row>
    <row r="37" spans="1:9" ht="22.5" customHeight="1" x14ac:dyDescent="0.2">
      <c r="A37" s="1"/>
      <c r="B37" s="69"/>
      <c r="C37" s="18" t="s">
        <v>83</v>
      </c>
      <c r="D37" s="19" t="s">
        <v>84</v>
      </c>
      <c r="E37" s="20">
        <v>43556</v>
      </c>
      <c r="F37" s="21" t="s">
        <v>26</v>
      </c>
      <c r="G37" s="22" t="s">
        <v>12</v>
      </c>
      <c r="H37" s="5"/>
      <c r="I37" s="5"/>
    </row>
    <row r="38" spans="1:9" ht="22.5" customHeight="1" x14ac:dyDescent="0.2">
      <c r="A38" s="1"/>
      <c r="B38" s="69"/>
      <c r="C38" s="18" t="s">
        <v>85</v>
      </c>
      <c r="D38" s="19" t="s">
        <v>86</v>
      </c>
      <c r="E38" s="20">
        <v>43556</v>
      </c>
      <c r="F38" s="21" t="s">
        <v>26</v>
      </c>
      <c r="G38" s="22" t="s">
        <v>12</v>
      </c>
      <c r="H38" s="5"/>
      <c r="I38" s="5"/>
    </row>
    <row r="39" spans="1:9" ht="27.6" customHeight="1" x14ac:dyDescent="0.2">
      <c r="A39" s="1"/>
      <c r="B39" s="69"/>
      <c r="C39" s="18" t="s">
        <v>87</v>
      </c>
      <c r="D39" s="19" t="s">
        <v>88</v>
      </c>
      <c r="E39" s="20">
        <v>43556</v>
      </c>
      <c r="F39" s="21" t="s">
        <v>26</v>
      </c>
      <c r="G39" s="22" t="s">
        <v>12</v>
      </c>
      <c r="H39" s="5"/>
      <c r="I39" s="5"/>
    </row>
    <row r="40" spans="1:9" ht="22.5" customHeight="1" x14ac:dyDescent="0.2">
      <c r="A40" s="1"/>
      <c r="B40" s="69"/>
      <c r="C40" s="18" t="s">
        <v>89</v>
      </c>
      <c r="D40" s="19" t="s">
        <v>90</v>
      </c>
      <c r="E40" s="20">
        <v>43556</v>
      </c>
      <c r="F40" s="21" t="s">
        <v>26</v>
      </c>
      <c r="G40" s="22" t="s">
        <v>12</v>
      </c>
      <c r="H40" s="5"/>
      <c r="I40" s="5"/>
    </row>
    <row r="41" spans="1:9" ht="22.5" customHeight="1" x14ac:dyDescent="0.2">
      <c r="A41" s="1"/>
      <c r="B41" s="69"/>
      <c r="C41" s="18" t="s">
        <v>91</v>
      </c>
      <c r="D41" s="19" t="s">
        <v>92</v>
      </c>
      <c r="E41" s="20">
        <v>43922</v>
      </c>
      <c r="F41" s="21" t="s">
        <v>26</v>
      </c>
      <c r="G41" s="22" t="s">
        <v>12</v>
      </c>
      <c r="H41" s="5"/>
      <c r="I41" s="5"/>
    </row>
    <row r="42" spans="1:9" ht="22.5" customHeight="1" x14ac:dyDescent="0.2">
      <c r="A42" s="1"/>
      <c r="B42" s="69"/>
      <c r="C42" s="18" t="s">
        <v>93</v>
      </c>
      <c r="D42" s="19" t="s">
        <v>94</v>
      </c>
      <c r="E42" s="20">
        <v>43922</v>
      </c>
      <c r="F42" s="21" t="s">
        <v>26</v>
      </c>
      <c r="G42" s="22" t="s">
        <v>12</v>
      </c>
      <c r="H42" s="5"/>
      <c r="I42" s="5"/>
    </row>
    <row r="43" spans="1:9" ht="22.5" customHeight="1" x14ac:dyDescent="0.2">
      <c r="A43" s="1"/>
      <c r="B43" s="69"/>
      <c r="C43" s="18" t="s">
        <v>95</v>
      </c>
      <c r="D43" s="19" t="s">
        <v>96</v>
      </c>
      <c r="E43" s="20">
        <v>43922</v>
      </c>
      <c r="F43" s="21" t="s">
        <v>26</v>
      </c>
      <c r="G43" s="22" t="s">
        <v>12</v>
      </c>
      <c r="H43" s="5"/>
      <c r="I43" s="5"/>
    </row>
    <row r="44" spans="1:9" ht="22.5" customHeight="1" x14ac:dyDescent="0.2">
      <c r="A44" s="1"/>
      <c r="B44" s="69"/>
      <c r="C44" s="18" t="s">
        <v>97</v>
      </c>
      <c r="D44" s="19" t="s">
        <v>98</v>
      </c>
      <c r="E44" s="20">
        <v>43922</v>
      </c>
      <c r="F44" s="21" t="s">
        <v>26</v>
      </c>
      <c r="G44" s="22" t="s">
        <v>12</v>
      </c>
      <c r="H44" s="5"/>
      <c r="I44" s="5"/>
    </row>
    <row r="45" spans="1:9" ht="22.5" customHeight="1" x14ac:dyDescent="0.2">
      <c r="A45" s="1"/>
      <c r="B45" s="69"/>
      <c r="C45" s="18" t="s">
        <v>99</v>
      </c>
      <c r="D45" s="19" t="s">
        <v>100</v>
      </c>
      <c r="E45" s="20">
        <v>42095</v>
      </c>
      <c r="F45" s="21" t="s">
        <v>26</v>
      </c>
      <c r="G45" s="22" t="s">
        <v>12</v>
      </c>
      <c r="H45" s="5"/>
      <c r="I45" s="5"/>
    </row>
    <row r="46" spans="1:9" ht="22.5" customHeight="1" x14ac:dyDescent="0.2">
      <c r="A46" s="1"/>
      <c r="B46" s="69"/>
      <c r="C46" s="18" t="s">
        <v>101</v>
      </c>
      <c r="D46" s="19" t="s">
        <v>102</v>
      </c>
      <c r="E46" s="20">
        <v>44287</v>
      </c>
      <c r="F46" s="21" t="s">
        <v>103</v>
      </c>
      <c r="G46" s="22" t="s">
        <v>12</v>
      </c>
      <c r="H46" s="5"/>
      <c r="I46" s="5"/>
    </row>
    <row r="47" spans="1:9" ht="22.5" customHeight="1" x14ac:dyDescent="0.2">
      <c r="A47" s="1"/>
      <c r="B47" s="69"/>
      <c r="C47" s="18" t="s">
        <v>104</v>
      </c>
      <c r="D47" s="19" t="s">
        <v>105</v>
      </c>
      <c r="E47" s="20">
        <v>44287</v>
      </c>
      <c r="F47" s="21" t="s">
        <v>103</v>
      </c>
      <c r="G47" s="22" t="s">
        <v>12</v>
      </c>
      <c r="H47" s="5"/>
      <c r="I47" s="5"/>
    </row>
    <row r="48" spans="1:9" ht="22.5" customHeight="1" x14ac:dyDescent="0.2">
      <c r="A48" s="1"/>
      <c r="B48" s="69"/>
      <c r="C48" s="18" t="s">
        <v>106</v>
      </c>
      <c r="D48" s="19" t="s">
        <v>107</v>
      </c>
      <c r="E48" s="20">
        <v>44287</v>
      </c>
      <c r="F48" s="21" t="s">
        <v>103</v>
      </c>
      <c r="G48" s="22" t="s">
        <v>12</v>
      </c>
      <c r="H48" s="5"/>
      <c r="I48" s="5"/>
    </row>
    <row r="49" spans="1:9" ht="22.5" customHeight="1" x14ac:dyDescent="0.2">
      <c r="A49" s="1"/>
      <c r="B49" s="69"/>
      <c r="C49" s="18" t="s">
        <v>108</v>
      </c>
      <c r="D49" s="25" t="s">
        <v>109</v>
      </c>
      <c r="E49" s="20">
        <v>44287</v>
      </c>
      <c r="F49" s="21" t="s">
        <v>103</v>
      </c>
      <c r="G49" s="22" t="s">
        <v>12</v>
      </c>
      <c r="H49" s="5"/>
      <c r="I49" s="5"/>
    </row>
    <row r="50" spans="1:9" ht="22.5" customHeight="1" x14ac:dyDescent="0.2">
      <c r="A50" s="1"/>
      <c r="B50" s="69"/>
      <c r="C50" s="18" t="s">
        <v>110</v>
      </c>
      <c r="D50" s="19" t="s">
        <v>111</v>
      </c>
      <c r="E50" s="20">
        <v>44287</v>
      </c>
      <c r="F50" s="21" t="s">
        <v>103</v>
      </c>
      <c r="G50" s="22" t="s">
        <v>12</v>
      </c>
      <c r="H50" s="5"/>
      <c r="I50" s="5"/>
    </row>
    <row r="51" spans="1:9" ht="22.5" customHeight="1" x14ac:dyDescent="0.2">
      <c r="A51" s="1"/>
      <c r="B51" s="69"/>
      <c r="C51" s="18" t="s">
        <v>112</v>
      </c>
      <c r="D51" s="19" t="s">
        <v>113</v>
      </c>
      <c r="E51" s="20">
        <v>44652</v>
      </c>
      <c r="F51" s="21" t="s">
        <v>11</v>
      </c>
      <c r="G51" s="22" t="s">
        <v>12</v>
      </c>
      <c r="H51" s="5"/>
      <c r="I51" s="5"/>
    </row>
    <row r="52" spans="1:9" ht="22.5" customHeight="1" x14ac:dyDescent="0.2">
      <c r="A52" s="1"/>
      <c r="B52" s="69"/>
      <c r="C52" s="18" t="s">
        <v>114</v>
      </c>
      <c r="D52" s="19" t="s">
        <v>115</v>
      </c>
      <c r="E52" s="20">
        <v>44652</v>
      </c>
      <c r="F52" s="21" t="s">
        <v>11</v>
      </c>
      <c r="G52" s="22" t="s">
        <v>12</v>
      </c>
      <c r="H52" s="5"/>
      <c r="I52" s="5"/>
    </row>
    <row r="53" spans="1:9" ht="22.5" customHeight="1" x14ac:dyDescent="0.2">
      <c r="A53" s="1"/>
      <c r="B53" s="69"/>
      <c r="C53" s="18" t="s">
        <v>116</v>
      </c>
      <c r="D53" s="19" t="s">
        <v>117</v>
      </c>
      <c r="E53" s="20">
        <v>44652</v>
      </c>
      <c r="F53" s="21" t="s">
        <v>11</v>
      </c>
      <c r="G53" s="22" t="s">
        <v>12</v>
      </c>
      <c r="H53" s="5"/>
      <c r="I53" s="5"/>
    </row>
    <row r="54" spans="1:9" ht="22.5" customHeight="1" x14ac:dyDescent="0.2">
      <c r="A54" s="1"/>
      <c r="B54" s="69"/>
      <c r="C54" s="18" t="s">
        <v>118</v>
      </c>
      <c r="D54" s="19" t="s">
        <v>119</v>
      </c>
      <c r="E54" s="20">
        <v>45017</v>
      </c>
      <c r="F54" s="21" t="s">
        <v>103</v>
      </c>
      <c r="G54" s="22" t="s">
        <v>12</v>
      </c>
      <c r="H54" s="5"/>
      <c r="I54" s="5"/>
    </row>
    <row r="55" spans="1:9" ht="22.5" customHeight="1" x14ac:dyDescent="0.2">
      <c r="A55" s="1"/>
      <c r="B55" s="69"/>
      <c r="C55" s="18" t="s">
        <v>120</v>
      </c>
      <c r="D55" s="19" t="s">
        <v>121</v>
      </c>
      <c r="E55" s="20">
        <v>45017</v>
      </c>
      <c r="F55" s="21" t="s">
        <v>11</v>
      </c>
      <c r="G55" s="22" t="s">
        <v>12</v>
      </c>
      <c r="H55" s="5"/>
      <c r="I55" s="5"/>
    </row>
    <row r="56" spans="1:9" ht="22.5" customHeight="1" x14ac:dyDescent="0.2">
      <c r="A56" s="1"/>
      <c r="B56" s="69"/>
      <c r="C56" s="18" t="s">
        <v>122</v>
      </c>
      <c r="D56" s="19" t="s">
        <v>123</v>
      </c>
      <c r="E56" s="20">
        <v>45017</v>
      </c>
      <c r="F56" s="21" t="s">
        <v>11</v>
      </c>
      <c r="G56" s="22" t="s">
        <v>12</v>
      </c>
      <c r="H56" s="5"/>
      <c r="I56" s="5"/>
    </row>
    <row r="57" spans="1:9" ht="22.5" customHeight="1" x14ac:dyDescent="0.2">
      <c r="A57" s="1"/>
      <c r="B57" s="69"/>
      <c r="C57" s="18" t="s">
        <v>124</v>
      </c>
      <c r="D57" s="19" t="s">
        <v>125</v>
      </c>
      <c r="E57" s="20">
        <v>42461</v>
      </c>
      <c r="F57" s="21" t="s">
        <v>15</v>
      </c>
      <c r="G57" s="22" t="s">
        <v>12</v>
      </c>
      <c r="H57" s="5"/>
      <c r="I57" s="5"/>
    </row>
    <row r="58" spans="1:9" ht="22.5" customHeight="1" x14ac:dyDescent="0.2">
      <c r="A58" s="1"/>
      <c r="B58" s="69"/>
      <c r="C58" s="18" t="s">
        <v>126</v>
      </c>
      <c r="D58" s="19" t="s">
        <v>127</v>
      </c>
      <c r="E58" s="20">
        <v>42461</v>
      </c>
      <c r="F58" s="21" t="s">
        <v>15</v>
      </c>
      <c r="G58" s="22" t="s">
        <v>12</v>
      </c>
      <c r="H58" s="5"/>
      <c r="I58" s="5"/>
    </row>
    <row r="59" spans="1:9" ht="22.5" customHeight="1" x14ac:dyDescent="0.2">
      <c r="A59" s="1"/>
      <c r="B59" s="69"/>
      <c r="C59" s="18" t="s">
        <v>128</v>
      </c>
      <c r="D59" s="19" t="s">
        <v>129</v>
      </c>
      <c r="E59" s="20">
        <v>42461</v>
      </c>
      <c r="F59" s="21" t="s">
        <v>15</v>
      </c>
      <c r="G59" s="22" t="s">
        <v>12</v>
      </c>
      <c r="H59" s="5"/>
      <c r="I59" s="5"/>
    </row>
    <row r="60" spans="1:9" ht="22.5" customHeight="1" x14ac:dyDescent="0.2">
      <c r="A60" s="1"/>
      <c r="B60" s="69"/>
      <c r="C60" s="18" t="s">
        <v>130</v>
      </c>
      <c r="D60" s="19" t="s">
        <v>131</v>
      </c>
      <c r="E60" s="20">
        <v>42461</v>
      </c>
      <c r="F60" s="21" t="s">
        <v>15</v>
      </c>
      <c r="G60" s="22" t="s">
        <v>12</v>
      </c>
      <c r="H60" s="5"/>
      <c r="I60" s="5"/>
    </row>
    <row r="61" spans="1:9" ht="22.5" customHeight="1" x14ac:dyDescent="0.2">
      <c r="A61" s="1"/>
      <c r="B61" s="69"/>
      <c r="C61" s="18" t="s">
        <v>132</v>
      </c>
      <c r="D61" s="19" t="s">
        <v>133</v>
      </c>
      <c r="E61" s="20">
        <v>42461</v>
      </c>
      <c r="F61" s="21" t="s">
        <v>15</v>
      </c>
      <c r="G61" s="22" t="s">
        <v>12</v>
      </c>
      <c r="H61" s="5"/>
      <c r="I61" s="5"/>
    </row>
    <row r="62" spans="1:9" ht="22.5" customHeight="1" x14ac:dyDescent="0.2">
      <c r="A62" s="1"/>
      <c r="B62" s="69"/>
      <c r="C62" s="18" t="s">
        <v>134</v>
      </c>
      <c r="D62" s="19" t="s">
        <v>135</v>
      </c>
      <c r="E62" s="20">
        <v>42826</v>
      </c>
      <c r="F62" s="21" t="s">
        <v>15</v>
      </c>
      <c r="G62" s="22" t="s">
        <v>12</v>
      </c>
      <c r="H62" s="5"/>
      <c r="I62" s="5"/>
    </row>
    <row r="63" spans="1:9" ht="22.5" customHeight="1" x14ac:dyDescent="0.2">
      <c r="A63" s="1"/>
      <c r="B63" s="69"/>
      <c r="C63" s="18" t="s">
        <v>136</v>
      </c>
      <c r="D63" s="19" t="s">
        <v>137</v>
      </c>
      <c r="E63" s="20">
        <v>42826</v>
      </c>
      <c r="F63" s="21" t="s">
        <v>15</v>
      </c>
      <c r="G63" s="22" t="s">
        <v>12</v>
      </c>
      <c r="H63" s="5"/>
      <c r="I63" s="5"/>
    </row>
    <row r="64" spans="1:9" ht="22.5" customHeight="1" x14ac:dyDescent="0.2">
      <c r="A64" s="1"/>
      <c r="B64" s="69"/>
      <c r="C64" s="18" t="s">
        <v>138</v>
      </c>
      <c r="D64" s="19" t="s">
        <v>139</v>
      </c>
      <c r="E64" s="20">
        <v>42826</v>
      </c>
      <c r="F64" s="21" t="s">
        <v>15</v>
      </c>
      <c r="G64" s="22" t="s">
        <v>12</v>
      </c>
      <c r="H64" s="5"/>
      <c r="I64" s="5"/>
    </row>
    <row r="65" spans="1:9" ht="22.5" customHeight="1" x14ac:dyDescent="0.2">
      <c r="A65" s="1"/>
      <c r="B65" s="69"/>
      <c r="C65" s="18" t="s">
        <v>140</v>
      </c>
      <c r="D65" s="19" t="s">
        <v>141</v>
      </c>
      <c r="E65" s="20">
        <v>43556</v>
      </c>
      <c r="F65" s="21" t="s">
        <v>15</v>
      </c>
      <c r="G65" s="22" t="s">
        <v>12</v>
      </c>
      <c r="H65" s="5"/>
      <c r="I65" s="5"/>
    </row>
    <row r="66" spans="1:9" ht="22.5" customHeight="1" x14ac:dyDescent="0.2">
      <c r="A66" s="1"/>
      <c r="B66" s="69"/>
      <c r="C66" s="18" t="s">
        <v>142</v>
      </c>
      <c r="D66" s="19" t="s">
        <v>143</v>
      </c>
      <c r="E66" s="20">
        <v>43556</v>
      </c>
      <c r="F66" s="21" t="s">
        <v>15</v>
      </c>
      <c r="G66" s="22" t="s">
        <v>12</v>
      </c>
      <c r="H66" s="5"/>
      <c r="I66" s="5"/>
    </row>
    <row r="67" spans="1:9" ht="22.5" customHeight="1" x14ac:dyDescent="0.2">
      <c r="A67" s="1"/>
      <c r="B67" s="69"/>
      <c r="C67" s="26" t="s">
        <v>144</v>
      </c>
      <c r="D67" s="27" t="s">
        <v>145</v>
      </c>
      <c r="E67" s="23">
        <v>43556</v>
      </c>
      <c r="F67" s="24" t="s">
        <v>15</v>
      </c>
      <c r="G67" s="28" t="s">
        <v>12</v>
      </c>
      <c r="H67" s="5"/>
      <c r="I67" s="5"/>
    </row>
    <row r="68" spans="1:9" ht="22.5" customHeight="1" x14ac:dyDescent="0.2">
      <c r="A68" s="1"/>
      <c r="B68" s="69"/>
      <c r="C68" s="29" t="s">
        <v>146</v>
      </c>
      <c r="D68" s="30" t="s">
        <v>147</v>
      </c>
      <c r="E68" s="31">
        <v>43922</v>
      </c>
      <c r="F68" s="32" t="s">
        <v>15</v>
      </c>
      <c r="G68" s="22" t="s">
        <v>12</v>
      </c>
      <c r="H68" s="5"/>
      <c r="I68" s="5"/>
    </row>
    <row r="69" spans="1:9" ht="22.5" customHeight="1" x14ac:dyDescent="0.2">
      <c r="A69" s="1"/>
      <c r="B69" s="69"/>
      <c r="C69" s="29" t="s">
        <v>148</v>
      </c>
      <c r="D69" s="30" t="s">
        <v>149</v>
      </c>
      <c r="E69" s="31">
        <v>43922</v>
      </c>
      <c r="F69" s="32" t="s">
        <v>15</v>
      </c>
      <c r="G69" s="22" t="s">
        <v>12</v>
      </c>
      <c r="H69" s="5"/>
      <c r="I69" s="5"/>
    </row>
    <row r="70" spans="1:9" ht="22.5" customHeight="1" x14ac:dyDescent="0.2">
      <c r="A70" s="1"/>
      <c r="B70" s="69"/>
      <c r="C70" s="29" t="s">
        <v>150</v>
      </c>
      <c r="D70" s="30" t="s">
        <v>151</v>
      </c>
      <c r="E70" s="31">
        <v>44287</v>
      </c>
      <c r="F70" s="32" t="s">
        <v>15</v>
      </c>
      <c r="G70" s="22" t="s">
        <v>12</v>
      </c>
      <c r="H70" s="5"/>
      <c r="I70" s="5"/>
    </row>
    <row r="71" spans="1:9" ht="27.6" customHeight="1" x14ac:dyDescent="0.2">
      <c r="A71" s="1"/>
      <c r="B71" s="70"/>
      <c r="C71" s="29" t="s">
        <v>152</v>
      </c>
      <c r="D71" s="30" t="s">
        <v>153</v>
      </c>
      <c r="E71" s="31">
        <v>44652</v>
      </c>
      <c r="F71" s="32" t="s">
        <v>15</v>
      </c>
      <c r="G71" s="22" t="s">
        <v>12</v>
      </c>
      <c r="H71" s="5"/>
      <c r="I71" s="5"/>
    </row>
    <row r="72" spans="1:9" ht="22.5" customHeight="1" x14ac:dyDescent="0.2">
      <c r="A72" s="1"/>
      <c r="B72" s="68" t="s">
        <v>154</v>
      </c>
      <c r="C72" s="33" t="s">
        <v>155</v>
      </c>
      <c r="D72" s="30" t="s">
        <v>156</v>
      </c>
      <c r="E72" s="31">
        <v>40269</v>
      </c>
      <c r="F72" s="32" t="s">
        <v>11</v>
      </c>
      <c r="G72" s="22" t="s">
        <v>12</v>
      </c>
      <c r="H72" s="5"/>
      <c r="I72" s="5"/>
    </row>
    <row r="73" spans="1:9" ht="22.5" customHeight="1" x14ac:dyDescent="0.2">
      <c r="A73" s="1"/>
      <c r="B73" s="68"/>
      <c r="C73" s="33" t="s">
        <v>157</v>
      </c>
      <c r="D73" s="30" t="s">
        <v>158</v>
      </c>
      <c r="E73" s="31">
        <v>42461</v>
      </c>
      <c r="F73" s="32" t="s">
        <v>159</v>
      </c>
      <c r="G73" s="22" t="s">
        <v>12</v>
      </c>
      <c r="H73" s="5"/>
      <c r="I73" s="5"/>
    </row>
    <row r="74" spans="1:9" ht="22.5" customHeight="1" x14ac:dyDescent="0.2">
      <c r="A74" s="1"/>
      <c r="B74" s="68"/>
      <c r="C74" s="33" t="s">
        <v>160</v>
      </c>
      <c r="D74" s="30" t="s">
        <v>161</v>
      </c>
      <c r="E74" s="31">
        <v>43191</v>
      </c>
      <c r="F74" s="32" t="s">
        <v>103</v>
      </c>
      <c r="G74" s="22" t="s">
        <v>12</v>
      </c>
      <c r="H74" s="5"/>
      <c r="I74" s="5"/>
    </row>
    <row r="75" spans="1:9" ht="22.5" customHeight="1" x14ac:dyDescent="0.2">
      <c r="A75" s="1"/>
      <c r="B75" s="68"/>
      <c r="C75" s="29" t="s">
        <v>162</v>
      </c>
      <c r="D75" s="30" t="s">
        <v>163</v>
      </c>
      <c r="E75" s="31">
        <v>43922</v>
      </c>
      <c r="F75" s="32" t="s">
        <v>103</v>
      </c>
      <c r="G75" s="22" t="s">
        <v>12</v>
      </c>
      <c r="H75" s="5"/>
      <c r="I75" s="5"/>
    </row>
    <row r="76" spans="1:9" ht="22.5" customHeight="1" x14ac:dyDescent="0.2">
      <c r="A76" s="1"/>
      <c r="B76" s="68"/>
      <c r="C76" s="33" t="s">
        <v>164</v>
      </c>
      <c r="D76" s="30" t="s">
        <v>165</v>
      </c>
      <c r="E76" s="31">
        <v>43922</v>
      </c>
      <c r="F76" s="32" t="s">
        <v>103</v>
      </c>
      <c r="G76" s="22" t="s">
        <v>12</v>
      </c>
      <c r="H76" s="5"/>
      <c r="I76" s="5"/>
    </row>
    <row r="77" spans="1:9" ht="22.5" customHeight="1" x14ac:dyDescent="0.2">
      <c r="A77" s="1"/>
      <c r="B77" s="68"/>
      <c r="C77" s="33" t="s">
        <v>166</v>
      </c>
      <c r="D77" s="30" t="s">
        <v>167</v>
      </c>
      <c r="E77" s="31">
        <v>42826</v>
      </c>
      <c r="F77" s="32" t="s">
        <v>15</v>
      </c>
      <c r="G77" s="22" t="s">
        <v>12</v>
      </c>
      <c r="H77" s="5"/>
      <c r="I77" s="5"/>
    </row>
    <row r="78" spans="1:9" ht="22.5" customHeight="1" x14ac:dyDescent="0.2">
      <c r="A78" s="1"/>
      <c r="B78" s="68"/>
      <c r="C78" s="33" t="s">
        <v>168</v>
      </c>
      <c r="D78" s="30" t="s">
        <v>169</v>
      </c>
      <c r="E78" s="31">
        <v>43191</v>
      </c>
      <c r="F78" s="32" t="s">
        <v>15</v>
      </c>
      <c r="G78" s="22" t="s">
        <v>12</v>
      </c>
      <c r="H78" s="5"/>
      <c r="I78" s="5"/>
    </row>
    <row r="79" spans="1:9" ht="22.5" customHeight="1" x14ac:dyDescent="0.2">
      <c r="A79" s="1"/>
      <c r="B79" s="68"/>
      <c r="C79" s="33" t="s">
        <v>170</v>
      </c>
      <c r="D79" s="30" t="s">
        <v>171</v>
      </c>
      <c r="E79" s="31">
        <v>43191</v>
      </c>
      <c r="F79" s="32" t="s">
        <v>15</v>
      </c>
      <c r="G79" s="22" t="s">
        <v>12</v>
      </c>
      <c r="H79" s="5"/>
      <c r="I79" s="5"/>
    </row>
    <row r="80" spans="1:9" ht="22.5" customHeight="1" x14ac:dyDescent="0.2">
      <c r="A80" s="1"/>
      <c r="B80" s="68"/>
      <c r="C80" s="33" t="s">
        <v>172</v>
      </c>
      <c r="D80" s="30" t="s">
        <v>173</v>
      </c>
      <c r="E80" s="31">
        <v>43556</v>
      </c>
      <c r="F80" s="32" t="s">
        <v>15</v>
      </c>
      <c r="G80" s="22" t="s">
        <v>12</v>
      </c>
      <c r="H80" s="5"/>
      <c r="I80" s="5"/>
    </row>
    <row r="81" spans="1:9" ht="22.5" customHeight="1" x14ac:dyDescent="0.2">
      <c r="A81" s="1"/>
      <c r="B81" s="68"/>
      <c r="C81" s="29" t="s">
        <v>174</v>
      </c>
      <c r="D81" s="30" t="s">
        <v>175</v>
      </c>
      <c r="E81" s="31">
        <v>43556</v>
      </c>
      <c r="F81" s="32" t="s">
        <v>15</v>
      </c>
      <c r="G81" s="22" t="s">
        <v>12</v>
      </c>
      <c r="H81" s="5"/>
      <c r="I81" s="5"/>
    </row>
    <row r="82" spans="1:9" ht="22.5" customHeight="1" x14ac:dyDescent="0.2">
      <c r="A82" s="1"/>
      <c r="B82" s="68"/>
      <c r="C82" s="29" t="s">
        <v>176</v>
      </c>
      <c r="D82" s="30" t="s">
        <v>177</v>
      </c>
      <c r="E82" s="31">
        <v>43556</v>
      </c>
      <c r="F82" s="32" t="s">
        <v>15</v>
      </c>
      <c r="G82" s="22" t="s">
        <v>12</v>
      </c>
      <c r="H82" s="5"/>
      <c r="I82" s="5"/>
    </row>
    <row r="83" spans="1:9" ht="22.5" customHeight="1" x14ac:dyDescent="0.2">
      <c r="A83" s="1"/>
      <c r="B83" s="68"/>
      <c r="C83" s="29" t="s">
        <v>178</v>
      </c>
      <c r="D83" s="30" t="s">
        <v>179</v>
      </c>
      <c r="E83" s="31">
        <v>43922</v>
      </c>
      <c r="F83" s="32" t="s">
        <v>180</v>
      </c>
      <c r="G83" s="22" t="s">
        <v>12</v>
      </c>
      <c r="H83" s="5"/>
      <c r="I83" s="5"/>
    </row>
    <row r="84" spans="1:9" ht="22.5" customHeight="1" x14ac:dyDescent="0.2">
      <c r="A84" s="1"/>
      <c r="B84" s="68"/>
      <c r="C84" s="29" t="s">
        <v>181</v>
      </c>
      <c r="D84" s="30" t="s">
        <v>182</v>
      </c>
      <c r="E84" s="31">
        <v>44287</v>
      </c>
      <c r="F84" s="32" t="s">
        <v>180</v>
      </c>
      <c r="G84" s="22" t="s">
        <v>12</v>
      </c>
      <c r="H84" s="5"/>
      <c r="I84" s="5"/>
    </row>
    <row r="85" spans="1:9" ht="22.5" customHeight="1" x14ac:dyDescent="0.2">
      <c r="A85" s="1"/>
      <c r="B85" s="68"/>
      <c r="C85" s="29" t="s">
        <v>183</v>
      </c>
      <c r="D85" s="30" t="s">
        <v>184</v>
      </c>
      <c r="E85" s="31">
        <v>44287</v>
      </c>
      <c r="F85" s="32" t="s">
        <v>180</v>
      </c>
      <c r="G85" s="22" t="s">
        <v>12</v>
      </c>
      <c r="H85" s="5"/>
      <c r="I85" s="5"/>
    </row>
    <row r="86" spans="1:9" ht="22.5" customHeight="1" x14ac:dyDescent="0.2">
      <c r="A86" s="1"/>
      <c r="B86" s="68"/>
      <c r="C86" s="34" t="s">
        <v>185</v>
      </c>
      <c r="D86" s="35" t="s">
        <v>186</v>
      </c>
      <c r="E86" s="36">
        <v>44652</v>
      </c>
      <c r="F86" s="37" t="s">
        <v>15</v>
      </c>
      <c r="G86" s="38" t="s">
        <v>12</v>
      </c>
      <c r="H86" s="5"/>
      <c r="I86" s="5"/>
    </row>
    <row r="87" spans="1:9" ht="22.5" customHeight="1" x14ac:dyDescent="0.2">
      <c r="A87" s="1"/>
      <c r="B87" s="68"/>
      <c r="C87" s="34" t="s">
        <v>187</v>
      </c>
      <c r="D87" s="35" t="s">
        <v>188</v>
      </c>
      <c r="E87" s="36">
        <v>44652</v>
      </c>
      <c r="F87" s="37" t="s">
        <v>15</v>
      </c>
      <c r="G87" s="38" t="s">
        <v>12</v>
      </c>
      <c r="H87" s="5"/>
      <c r="I87" s="5"/>
    </row>
    <row r="88" spans="1:9" ht="22.5" customHeight="1" x14ac:dyDescent="0.2">
      <c r="A88" s="1"/>
      <c r="B88" s="68"/>
      <c r="C88" s="34" t="s">
        <v>189</v>
      </c>
      <c r="D88" s="35" t="s">
        <v>190</v>
      </c>
      <c r="E88" s="36">
        <v>44652</v>
      </c>
      <c r="F88" s="37" t="s">
        <v>15</v>
      </c>
      <c r="G88" s="38" t="s">
        <v>12</v>
      </c>
      <c r="H88" s="5"/>
      <c r="I88" s="5"/>
    </row>
    <row r="89" spans="1:9" ht="22.5" customHeight="1" x14ac:dyDescent="0.2">
      <c r="A89" s="1"/>
      <c r="B89" s="68"/>
      <c r="C89" s="34" t="s">
        <v>191</v>
      </c>
      <c r="D89" s="35" t="s">
        <v>192</v>
      </c>
      <c r="E89" s="36">
        <v>44652</v>
      </c>
      <c r="F89" s="37" t="s">
        <v>15</v>
      </c>
      <c r="G89" s="38" t="s">
        <v>12</v>
      </c>
      <c r="H89" s="5"/>
      <c r="I89" s="5"/>
    </row>
    <row r="90" spans="1:9" ht="27.6" customHeight="1" x14ac:dyDescent="0.2">
      <c r="A90" s="1"/>
      <c r="B90" s="68"/>
      <c r="C90" s="29" t="s">
        <v>193</v>
      </c>
      <c r="D90" s="30" t="s">
        <v>194</v>
      </c>
      <c r="E90" s="31">
        <v>45017</v>
      </c>
      <c r="F90" s="32" t="s">
        <v>15</v>
      </c>
      <c r="G90" s="22" t="s">
        <v>12</v>
      </c>
      <c r="H90" s="5"/>
      <c r="I90" s="5"/>
    </row>
    <row r="91" spans="1:9" ht="27.6" customHeight="1" x14ac:dyDescent="0.2">
      <c r="A91" s="1"/>
      <c r="B91" s="68"/>
      <c r="C91" s="29" t="s">
        <v>195</v>
      </c>
      <c r="D91" s="30" t="s">
        <v>196</v>
      </c>
      <c r="E91" s="31">
        <v>45017</v>
      </c>
      <c r="F91" s="32" t="s">
        <v>15</v>
      </c>
      <c r="G91" s="22" t="s">
        <v>12</v>
      </c>
      <c r="H91" s="5"/>
      <c r="I91" s="5"/>
    </row>
    <row r="92" spans="1:9" ht="27.6" customHeight="1" x14ac:dyDescent="0.2">
      <c r="A92" s="1"/>
      <c r="B92" s="68"/>
      <c r="C92" s="29" t="s">
        <v>197</v>
      </c>
      <c r="D92" s="30" t="s">
        <v>198</v>
      </c>
      <c r="E92" s="31">
        <v>45017</v>
      </c>
      <c r="F92" s="32" t="s">
        <v>15</v>
      </c>
      <c r="G92" s="22" t="s">
        <v>12</v>
      </c>
      <c r="H92" s="5"/>
      <c r="I92" s="5"/>
    </row>
    <row r="93" spans="1:9" s="17" customFormat="1" ht="22.5" customHeight="1" x14ac:dyDescent="0.2">
      <c r="A93" s="11"/>
      <c r="B93" s="68" t="s">
        <v>199</v>
      </c>
      <c r="C93" s="39" t="s">
        <v>200</v>
      </c>
      <c r="D93" s="39" t="s">
        <v>201</v>
      </c>
      <c r="E93" s="31">
        <v>42095</v>
      </c>
      <c r="F93" s="32" t="s">
        <v>11</v>
      </c>
      <c r="G93" s="22" t="s">
        <v>12</v>
      </c>
    </row>
    <row r="94" spans="1:9" s="17" customFormat="1" ht="22.5" customHeight="1" x14ac:dyDescent="0.2">
      <c r="A94" s="11"/>
      <c r="B94" s="68"/>
      <c r="C94" s="39" t="s">
        <v>202</v>
      </c>
      <c r="D94" s="39" t="s">
        <v>203</v>
      </c>
      <c r="E94" s="31">
        <v>42095</v>
      </c>
      <c r="F94" s="32" t="s">
        <v>11</v>
      </c>
      <c r="G94" s="22" t="s">
        <v>12</v>
      </c>
    </row>
    <row r="95" spans="1:9" s="17" customFormat="1" ht="22.5" customHeight="1" x14ac:dyDescent="0.2">
      <c r="A95" s="11"/>
      <c r="B95" s="68"/>
      <c r="C95" s="39" t="s">
        <v>204</v>
      </c>
      <c r="D95" s="39" t="s">
        <v>205</v>
      </c>
      <c r="E95" s="31">
        <v>42095</v>
      </c>
      <c r="F95" s="32" t="s">
        <v>11</v>
      </c>
      <c r="G95" s="22" t="s">
        <v>12</v>
      </c>
    </row>
    <row r="96" spans="1:9" s="17" customFormat="1" ht="22.5" customHeight="1" x14ac:dyDescent="0.2">
      <c r="A96" s="11"/>
      <c r="B96" s="68"/>
      <c r="C96" s="39" t="s">
        <v>206</v>
      </c>
      <c r="D96" s="39" t="s">
        <v>207</v>
      </c>
      <c r="E96" s="31">
        <v>42095</v>
      </c>
      <c r="F96" s="32" t="s">
        <v>11</v>
      </c>
      <c r="G96" s="22" t="s">
        <v>27</v>
      </c>
    </row>
    <row r="97" spans="1:7" s="17" customFormat="1" ht="22.5" customHeight="1" x14ac:dyDescent="0.2">
      <c r="A97" s="11"/>
      <c r="B97" s="68"/>
      <c r="C97" s="39" t="s">
        <v>208</v>
      </c>
      <c r="D97" s="39" t="s">
        <v>209</v>
      </c>
      <c r="E97" s="31">
        <v>42461</v>
      </c>
      <c r="F97" s="32" t="s">
        <v>11</v>
      </c>
      <c r="G97" s="22" t="s">
        <v>12</v>
      </c>
    </row>
    <row r="98" spans="1:7" s="17" customFormat="1" ht="22.5" customHeight="1" x14ac:dyDescent="0.2">
      <c r="A98" s="11"/>
      <c r="B98" s="68"/>
      <c r="C98" s="33" t="s">
        <v>210</v>
      </c>
      <c r="D98" s="30" t="s">
        <v>211</v>
      </c>
      <c r="E98" s="31">
        <v>42461</v>
      </c>
      <c r="F98" s="32" t="s">
        <v>11</v>
      </c>
      <c r="G98" s="22" t="s">
        <v>12</v>
      </c>
    </row>
    <row r="99" spans="1:7" s="17" customFormat="1" ht="22.5" customHeight="1" x14ac:dyDescent="0.2">
      <c r="A99" s="11"/>
      <c r="B99" s="68"/>
      <c r="C99" s="39" t="s">
        <v>212</v>
      </c>
      <c r="D99" s="39" t="s">
        <v>213</v>
      </c>
      <c r="E99" s="31">
        <v>42461</v>
      </c>
      <c r="F99" s="32" t="s">
        <v>11</v>
      </c>
      <c r="G99" s="22" t="s">
        <v>12</v>
      </c>
    </row>
    <row r="100" spans="1:7" s="17" customFormat="1" ht="22.5" customHeight="1" x14ac:dyDescent="0.2">
      <c r="A100" s="11"/>
      <c r="B100" s="68"/>
      <c r="C100" s="33" t="s">
        <v>214</v>
      </c>
      <c r="D100" s="30" t="s">
        <v>215</v>
      </c>
      <c r="E100" s="31">
        <v>42826</v>
      </c>
      <c r="F100" s="32" t="s">
        <v>159</v>
      </c>
      <c r="G100" s="22" t="s">
        <v>12</v>
      </c>
    </row>
    <row r="101" spans="1:7" s="17" customFormat="1" ht="27.6" customHeight="1" x14ac:dyDescent="0.2">
      <c r="A101" s="11"/>
      <c r="B101" s="68"/>
      <c r="C101" s="40" t="s">
        <v>216</v>
      </c>
      <c r="D101" s="30" t="s">
        <v>217</v>
      </c>
      <c r="E101" s="31">
        <v>43191</v>
      </c>
      <c r="F101" s="32" t="s">
        <v>103</v>
      </c>
      <c r="G101" s="22" t="s">
        <v>12</v>
      </c>
    </row>
    <row r="102" spans="1:7" s="17" customFormat="1" ht="42.6" customHeight="1" x14ac:dyDescent="0.2">
      <c r="A102" s="11"/>
      <c r="B102" s="68"/>
      <c r="C102" s="30" t="s">
        <v>218</v>
      </c>
      <c r="D102" s="30" t="s">
        <v>219</v>
      </c>
      <c r="E102" s="31">
        <v>43191</v>
      </c>
      <c r="F102" s="32" t="s">
        <v>103</v>
      </c>
      <c r="G102" s="22" t="s">
        <v>12</v>
      </c>
    </row>
    <row r="103" spans="1:7" s="17" customFormat="1" ht="27.6" customHeight="1" x14ac:dyDescent="0.2">
      <c r="A103" s="11"/>
      <c r="B103" s="68"/>
      <c r="C103" s="30" t="s">
        <v>220</v>
      </c>
      <c r="D103" s="30" t="s">
        <v>221</v>
      </c>
      <c r="E103" s="31">
        <v>43191</v>
      </c>
      <c r="F103" s="32" t="s">
        <v>103</v>
      </c>
      <c r="G103" s="22" t="s">
        <v>12</v>
      </c>
    </row>
    <row r="104" spans="1:7" s="17" customFormat="1" ht="22.5" customHeight="1" x14ac:dyDescent="0.2">
      <c r="A104" s="11"/>
      <c r="B104" s="68"/>
      <c r="C104" s="33" t="s">
        <v>222</v>
      </c>
      <c r="D104" s="30" t="s">
        <v>223</v>
      </c>
      <c r="E104" s="31">
        <v>43191</v>
      </c>
      <c r="F104" s="32" t="s">
        <v>103</v>
      </c>
      <c r="G104" s="22" t="s">
        <v>12</v>
      </c>
    </row>
    <row r="105" spans="1:7" s="17" customFormat="1" ht="22.5" customHeight="1" x14ac:dyDescent="0.2">
      <c r="A105" s="11"/>
      <c r="B105" s="68"/>
      <c r="C105" s="33" t="s">
        <v>224</v>
      </c>
      <c r="D105" s="30" t="s">
        <v>225</v>
      </c>
      <c r="E105" s="31">
        <v>43191</v>
      </c>
      <c r="F105" s="32" t="s">
        <v>103</v>
      </c>
      <c r="G105" s="22" t="s">
        <v>12</v>
      </c>
    </row>
    <row r="106" spans="1:7" s="17" customFormat="1" ht="22.5" customHeight="1" x14ac:dyDescent="0.2">
      <c r="A106" s="11"/>
      <c r="B106" s="68"/>
      <c r="C106" s="33" t="s">
        <v>226</v>
      </c>
      <c r="D106" s="30" t="s">
        <v>227</v>
      </c>
      <c r="E106" s="31">
        <v>43191</v>
      </c>
      <c r="F106" s="32" t="s">
        <v>103</v>
      </c>
      <c r="G106" s="22" t="s">
        <v>12</v>
      </c>
    </row>
    <row r="107" spans="1:7" s="17" customFormat="1" ht="22.5" customHeight="1" x14ac:dyDescent="0.2">
      <c r="A107" s="11"/>
      <c r="B107" s="68"/>
      <c r="C107" s="33" t="s">
        <v>228</v>
      </c>
      <c r="D107" s="30" t="s">
        <v>229</v>
      </c>
      <c r="E107" s="31">
        <v>43191</v>
      </c>
      <c r="F107" s="32" t="s">
        <v>103</v>
      </c>
      <c r="G107" s="22" t="s">
        <v>12</v>
      </c>
    </row>
    <row r="108" spans="1:7" s="17" customFormat="1" ht="42.6" customHeight="1" x14ac:dyDescent="0.2">
      <c r="A108" s="11"/>
      <c r="B108" s="68"/>
      <c r="C108" s="30" t="s">
        <v>230</v>
      </c>
      <c r="D108" s="30" t="s">
        <v>231</v>
      </c>
      <c r="E108" s="31">
        <v>43191</v>
      </c>
      <c r="F108" s="32" t="s">
        <v>103</v>
      </c>
      <c r="G108" s="22" t="s">
        <v>12</v>
      </c>
    </row>
    <row r="109" spans="1:7" s="17" customFormat="1" ht="22.5" customHeight="1" x14ac:dyDescent="0.2">
      <c r="A109" s="11"/>
      <c r="B109" s="68"/>
      <c r="C109" s="33" t="s">
        <v>232</v>
      </c>
      <c r="D109" s="30" t="s">
        <v>233</v>
      </c>
      <c r="E109" s="31">
        <v>43191</v>
      </c>
      <c r="F109" s="32" t="s">
        <v>103</v>
      </c>
      <c r="G109" s="22" t="s">
        <v>12</v>
      </c>
    </row>
    <row r="110" spans="1:7" s="17" customFormat="1" ht="22.5" customHeight="1" x14ac:dyDescent="0.2">
      <c r="A110" s="11"/>
      <c r="B110" s="68"/>
      <c r="C110" s="33" t="s">
        <v>234</v>
      </c>
      <c r="D110" s="30" t="s">
        <v>235</v>
      </c>
      <c r="E110" s="31">
        <v>43191</v>
      </c>
      <c r="F110" s="32" t="s">
        <v>103</v>
      </c>
      <c r="G110" s="22" t="s">
        <v>12</v>
      </c>
    </row>
    <row r="111" spans="1:7" s="17" customFormat="1" ht="22.5" customHeight="1" x14ac:dyDescent="0.2">
      <c r="A111" s="11"/>
      <c r="B111" s="68"/>
      <c r="C111" s="33" t="s">
        <v>236</v>
      </c>
      <c r="D111" s="30" t="s">
        <v>237</v>
      </c>
      <c r="E111" s="31">
        <v>43191</v>
      </c>
      <c r="F111" s="32" t="s">
        <v>103</v>
      </c>
      <c r="G111" s="22" t="s">
        <v>12</v>
      </c>
    </row>
    <row r="112" spans="1:7" s="17" customFormat="1" ht="22.5" customHeight="1" x14ac:dyDescent="0.2">
      <c r="A112" s="11"/>
      <c r="B112" s="68"/>
      <c r="C112" s="29" t="s">
        <v>238</v>
      </c>
      <c r="D112" s="30" t="s">
        <v>239</v>
      </c>
      <c r="E112" s="31">
        <v>43556</v>
      </c>
      <c r="F112" s="32" t="s">
        <v>103</v>
      </c>
      <c r="G112" s="22" t="s">
        <v>12</v>
      </c>
    </row>
    <row r="113" spans="1:7" s="17" customFormat="1" ht="22.5" customHeight="1" x14ac:dyDescent="0.2">
      <c r="A113" s="11"/>
      <c r="B113" s="68"/>
      <c r="C113" s="29" t="s">
        <v>240</v>
      </c>
      <c r="D113" s="30" t="s">
        <v>241</v>
      </c>
      <c r="E113" s="31">
        <v>43556</v>
      </c>
      <c r="F113" s="32" t="s">
        <v>103</v>
      </c>
      <c r="G113" s="22" t="s">
        <v>12</v>
      </c>
    </row>
    <row r="114" spans="1:7" s="17" customFormat="1" ht="22.5" customHeight="1" x14ac:dyDescent="0.2">
      <c r="A114" s="11"/>
      <c r="B114" s="68"/>
      <c r="C114" s="29" t="s">
        <v>242</v>
      </c>
      <c r="D114" s="30" t="s">
        <v>243</v>
      </c>
      <c r="E114" s="31">
        <v>43556</v>
      </c>
      <c r="F114" s="32" t="s">
        <v>103</v>
      </c>
      <c r="G114" s="22" t="s">
        <v>12</v>
      </c>
    </row>
    <row r="115" spans="1:7" s="17" customFormat="1" ht="22.5" customHeight="1" x14ac:dyDescent="0.2">
      <c r="A115" s="11"/>
      <c r="B115" s="68"/>
      <c r="C115" s="29" t="s">
        <v>244</v>
      </c>
      <c r="D115" s="30" t="s">
        <v>245</v>
      </c>
      <c r="E115" s="31">
        <v>43556</v>
      </c>
      <c r="F115" s="32" t="s">
        <v>103</v>
      </c>
      <c r="G115" s="22" t="s">
        <v>12</v>
      </c>
    </row>
    <row r="116" spans="1:7" s="17" customFormat="1" ht="55.2" customHeight="1" x14ac:dyDescent="0.2">
      <c r="A116" s="11"/>
      <c r="B116" s="68"/>
      <c r="C116" s="40" t="s">
        <v>246</v>
      </c>
      <c r="D116" s="30" t="s">
        <v>247</v>
      </c>
      <c r="E116" s="31">
        <v>43556</v>
      </c>
      <c r="F116" s="32" t="s">
        <v>103</v>
      </c>
      <c r="G116" s="22" t="s">
        <v>12</v>
      </c>
    </row>
    <row r="117" spans="1:7" s="17" customFormat="1" ht="22.5" customHeight="1" x14ac:dyDescent="0.2">
      <c r="A117" s="11"/>
      <c r="B117" s="68"/>
      <c r="C117" s="29" t="s">
        <v>248</v>
      </c>
      <c r="D117" s="30" t="s">
        <v>249</v>
      </c>
      <c r="E117" s="31">
        <v>43556</v>
      </c>
      <c r="F117" s="32" t="s">
        <v>103</v>
      </c>
      <c r="G117" s="22" t="s">
        <v>12</v>
      </c>
    </row>
    <row r="118" spans="1:7" s="17" customFormat="1" ht="22.5" customHeight="1" x14ac:dyDescent="0.2">
      <c r="A118" s="11"/>
      <c r="B118" s="68"/>
      <c r="C118" s="29" t="s">
        <v>250</v>
      </c>
      <c r="D118" s="30" t="s">
        <v>251</v>
      </c>
      <c r="E118" s="31">
        <v>43556</v>
      </c>
      <c r="F118" s="32" t="s">
        <v>103</v>
      </c>
      <c r="G118" s="22" t="s">
        <v>12</v>
      </c>
    </row>
    <row r="119" spans="1:7" s="17" customFormat="1" ht="43.2" customHeight="1" x14ac:dyDescent="0.2">
      <c r="A119" s="11"/>
      <c r="B119" s="68"/>
      <c r="C119" s="40" t="s">
        <v>252</v>
      </c>
      <c r="D119" s="30" t="s">
        <v>253</v>
      </c>
      <c r="E119" s="31">
        <v>43556</v>
      </c>
      <c r="F119" s="32" t="s">
        <v>103</v>
      </c>
      <c r="G119" s="22" t="s">
        <v>12</v>
      </c>
    </row>
    <row r="120" spans="1:7" s="17" customFormat="1" ht="27.6" customHeight="1" x14ac:dyDescent="0.2">
      <c r="A120" s="11"/>
      <c r="B120" s="68"/>
      <c r="C120" s="29" t="s">
        <v>254</v>
      </c>
      <c r="D120" s="30" t="s">
        <v>255</v>
      </c>
      <c r="E120" s="31">
        <v>43556</v>
      </c>
      <c r="F120" s="32" t="s">
        <v>103</v>
      </c>
      <c r="G120" s="22" t="s">
        <v>12</v>
      </c>
    </row>
    <row r="121" spans="1:7" s="17" customFormat="1" ht="27.6" customHeight="1" x14ac:dyDescent="0.2">
      <c r="A121" s="11"/>
      <c r="B121" s="68"/>
      <c r="C121" s="40" t="s">
        <v>256</v>
      </c>
      <c r="D121" s="30" t="s">
        <v>257</v>
      </c>
      <c r="E121" s="31">
        <v>43556</v>
      </c>
      <c r="F121" s="32" t="s">
        <v>103</v>
      </c>
      <c r="G121" s="22" t="s">
        <v>12</v>
      </c>
    </row>
    <row r="122" spans="1:7" s="17" customFormat="1" ht="22.5" customHeight="1" x14ac:dyDescent="0.2">
      <c r="A122" s="11"/>
      <c r="B122" s="68"/>
      <c r="C122" s="29" t="s">
        <v>258</v>
      </c>
      <c r="D122" s="30" t="s">
        <v>259</v>
      </c>
      <c r="E122" s="31">
        <v>43556</v>
      </c>
      <c r="F122" s="32" t="s">
        <v>103</v>
      </c>
      <c r="G122" s="22" t="s">
        <v>12</v>
      </c>
    </row>
    <row r="123" spans="1:7" s="17" customFormat="1" ht="22.5" customHeight="1" x14ac:dyDescent="0.2">
      <c r="A123" s="11"/>
      <c r="B123" s="68"/>
      <c r="C123" s="29" t="s">
        <v>260</v>
      </c>
      <c r="D123" s="30" t="s">
        <v>261</v>
      </c>
      <c r="E123" s="31">
        <v>43556</v>
      </c>
      <c r="F123" s="32" t="s">
        <v>103</v>
      </c>
      <c r="G123" s="22" t="s">
        <v>12</v>
      </c>
    </row>
    <row r="124" spans="1:7" s="17" customFormat="1" ht="22.5" customHeight="1" x14ac:dyDescent="0.2">
      <c r="A124" s="11"/>
      <c r="B124" s="68"/>
      <c r="C124" s="29" t="s">
        <v>262</v>
      </c>
      <c r="D124" s="30" t="s">
        <v>263</v>
      </c>
      <c r="E124" s="31">
        <v>43922</v>
      </c>
      <c r="F124" s="32" t="s">
        <v>103</v>
      </c>
      <c r="G124" s="22" t="s">
        <v>12</v>
      </c>
    </row>
    <row r="125" spans="1:7" s="17" customFormat="1" ht="22.5" customHeight="1" x14ac:dyDescent="0.2">
      <c r="A125" s="11"/>
      <c r="B125" s="68"/>
      <c r="C125" s="29" t="s">
        <v>264</v>
      </c>
      <c r="D125" s="30" t="s">
        <v>265</v>
      </c>
      <c r="E125" s="31">
        <v>43922</v>
      </c>
      <c r="F125" s="32" t="s">
        <v>103</v>
      </c>
      <c r="G125" s="22" t="s">
        <v>12</v>
      </c>
    </row>
    <row r="126" spans="1:7" s="17" customFormat="1" ht="22.5" customHeight="1" x14ac:dyDescent="0.2">
      <c r="A126" s="11"/>
      <c r="B126" s="68"/>
      <c r="C126" s="29" t="s">
        <v>266</v>
      </c>
      <c r="D126" s="30" t="s">
        <v>267</v>
      </c>
      <c r="E126" s="31">
        <v>43922</v>
      </c>
      <c r="F126" s="32" t="s">
        <v>103</v>
      </c>
      <c r="G126" s="22" t="s">
        <v>12</v>
      </c>
    </row>
    <row r="127" spans="1:7" s="17" customFormat="1" ht="22.5" customHeight="1" x14ac:dyDescent="0.2">
      <c r="A127" s="11"/>
      <c r="B127" s="68"/>
      <c r="C127" s="29" t="s">
        <v>268</v>
      </c>
      <c r="D127" s="30" t="s">
        <v>269</v>
      </c>
      <c r="E127" s="31">
        <v>43922</v>
      </c>
      <c r="F127" s="32" t="s">
        <v>103</v>
      </c>
      <c r="G127" s="22" t="s">
        <v>12</v>
      </c>
    </row>
    <row r="128" spans="1:7" s="17" customFormat="1" ht="22.5" customHeight="1" x14ac:dyDescent="0.2">
      <c r="A128" s="11"/>
      <c r="B128" s="68"/>
      <c r="C128" s="29" t="s">
        <v>270</v>
      </c>
      <c r="D128" s="30" t="s">
        <v>271</v>
      </c>
      <c r="E128" s="31">
        <v>44287</v>
      </c>
      <c r="F128" s="32" t="s">
        <v>26</v>
      </c>
      <c r="G128" s="22" t="s">
        <v>12</v>
      </c>
    </row>
    <row r="129" spans="1:9" s="17" customFormat="1" ht="22.5" customHeight="1" x14ac:dyDescent="0.2">
      <c r="A129" s="11"/>
      <c r="B129" s="68"/>
      <c r="C129" s="29" t="s">
        <v>272</v>
      </c>
      <c r="D129" s="30" t="s">
        <v>273</v>
      </c>
      <c r="E129" s="31">
        <v>44652</v>
      </c>
      <c r="F129" s="32" t="s">
        <v>274</v>
      </c>
      <c r="G129" s="22" t="s">
        <v>12</v>
      </c>
    </row>
    <row r="130" spans="1:9" s="17" customFormat="1" ht="22.5" customHeight="1" x14ac:dyDescent="0.2">
      <c r="A130" s="11"/>
      <c r="B130" s="68"/>
      <c r="C130" s="29" t="s">
        <v>275</v>
      </c>
      <c r="D130" s="30" t="s">
        <v>276</v>
      </c>
      <c r="E130" s="31">
        <v>44652</v>
      </c>
      <c r="F130" s="32" t="s">
        <v>274</v>
      </c>
      <c r="G130" s="22" t="s">
        <v>12</v>
      </c>
    </row>
    <row r="131" spans="1:9" s="17" customFormat="1" ht="27.6" customHeight="1" x14ac:dyDescent="0.2">
      <c r="A131" s="11"/>
      <c r="B131" s="68"/>
      <c r="C131" s="29" t="s">
        <v>277</v>
      </c>
      <c r="D131" s="30" t="s">
        <v>278</v>
      </c>
      <c r="E131" s="31">
        <v>45017</v>
      </c>
      <c r="F131" s="32" t="s">
        <v>274</v>
      </c>
      <c r="G131" s="22" t="s">
        <v>12</v>
      </c>
    </row>
    <row r="132" spans="1:9" s="17" customFormat="1" ht="22.5" customHeight="1" x14ac:dyDescent="0.2">
      <c r="A132" s="11"/>
      <c r="B132" s="68"/>
      <c r="C132" s="29" t="s">
        <v>279</v>
      </c>
      <c r="D132" s="30" t="s">
        <v>280</v>
      </c>
      <c r="E132" s="31">
        <v>45017</v>
      </c>
      <c r="F132" s="32" t="s">
        <v>274</v>
      </c>
      <c r="G132" s="22" t="s">
        <v>12</v>
      </c>
    </row>
    <row r="133" spans="1:9" ht="22.5" customHeight="1" x14ac:dyDescent="0.2">
      <c r="A133" s="1"/>
      <c r="B133" s="68"/>
      <c r="C133" s="33" t="s">
        <v>281</v>
      </c>
      <c r="D133" s="33" t="s">
        <v>282</v>
      </c>
      <c r="E133" s="31">
        <v>45017</v>
      </c>
      <c r="F133" s="22" t="s">
        <v>274</v>
      </c>
      <c r="G133" s="22" t="s">
        <v>12</v>
      </c>
      <c r="H133" s="5"/>
      <c r="I133" s="5"/>
    </row>
    <row r="134" spans="1:9" ht="22.5" customHeight="1" x14ac:dyDescent="0.2">
      <c r="A134" s="1"/>
      <c r="B134" s="68"/>
      <c r="C134" s="33" t="s">
        <v>283</v>
      </c>
      <c r="D134" s="30" t="s">
        <v>284</v>
      </c>
      <c r="E134" s="31">
        <v>45017</v>
      </c>
      <c r="F134" s="32" t="s">
        <v>274</v>
      </c>
      <c r="G134" s="22" t="s">
        <v>12</v>
      </c>
      <c r="H134" s="5"/>
      <c r="I134" s="5"/>
    </row>
    <row r="135" spans="1:9" ht="22.5" customHeight="1" x14ac:dyDescent="0.2">
      <c r="A135" s="1"/>
      <c r="B135" s="68"/>
      <c r="C135" s="33" t="s">
        <v>285</v>
      </c>
      <c r="D135" s="30" t="s">
        <v>286</v>
      </c>
      <c r="E135" s="31">
        <v>45017</v>
      </c>
      <c r="F135" s="32" t="s">
        <v>274</v>
      </c>
      <c r="G135" s="22" t="s">
        <v>27</v>
      </c>
      <c r="H135" s="5"/>
      <c r="I135" s="5"/>
    </row>
    <row r="136" spans="1:9" ht="27.6" customHeight="1" x14ac:dyDescent="0.2">
      <c r="A136" s="1"/>
      <c r="B136" s="68"/>
      <c r="C136" s="33" t="s">
        <v>287</v>
      </c>
      <c r="D136" s="30" t="s">
        <v>288</v>
      </c>
      <c r="E136" s="31">
        <v>39904</v>
      </c>
      <c r="F136" s="32" t="s">
        <v>289</v>
      </c>
      <c r="G136" s="22" t="s">
        <v>12</v>
      </c>
      <c r="H136" s="5"/>
      <c r="I136" s="5"/>
    </row>
    <row r="137" spans="1:9" ht="22.5" customHeight="1" x14ac:dyDescent="0.2">
      <c r="A137" s="1"/>
      <c r="B137" s="68"/>
      <c r="C137" s="33" t="s">
        <v>290</v>
      </c>
      <c r="D137" s="30" t="s">
        <v>291</v>
      </c>
      <c r="E137" s="31">
        <v>39904</v>
      </c>
      <c r="F137" s="32" t="s">
        <v>289</v>
      </c>
      <c r="G137" s="22" t="s">
        <v>12</v>
      </c>
      <c r="H137" s="5"/>
      <c r="I137" s="5"/>
    </row>
    <row r="138" spans="1:9" ht="22.5" customHeight="1" x14ac:dyDescent="0.2">
      <c r="A138" s="1"/>
      <c r="B138" s="68"/>
      <c r="C138" s="33" t="s">
        <v>292</v>
      </c>
      <c r="D138" s="30" t="s">
        <v>293</v>
      </c>
      <c r="E138" s="31">
        <v>40269</v>
      </c>
      <c r="F138" s="32" t="s">
        <v>289</v>
      </c>
      <c r="G138" s="22" t="s">
        <v>12</v>
      </c>
      <c r="H138" s="5"/>
      <c r="I138" s="5"/>
    </row>
    <row r="139" spans="1:9" ht="22.5" customHeight="1" x14ac:dyDescent="0.2">
      <c r="A139" s="1"/>
      <c r="B139" s="68"/>
      <c r="C139" s="33" t="s">
        <v>294</v>
      </c>
      <c r="D139" s="30" t="s">
        <v>295</v>
      </c>
      <c r="E139" s="31">
        <v>40634</v>
      </c>
      <c r="F139" s="32" t="s">
        <v>289</v>
      </c>
      <c r="G139" s="22" t="s">
        <v>12</v>
      </c>
      <c r="H139" s="5"/>
      <c r="I139" s="5"/>
    </row>
    <row r="140" spans="1:9" ht="27.6" customHeight="1" x14ac:dyDescent="0.2">
      <c r="A140" s="1"/>
      <c r="B140" s="68"/>
      <c r="C140" s="33" t="s">
        <v>296</v>
      </c>
      <c r="D140" s="30" t="s">
        <v>297</v>
      </c>
      <c r="E140" s="31">
        <v>41365</v>
      </c>
      <c r="F140" s="32" t="s">
        <v>289</v>
      </c>
      <c r="G140" s="22" t="s">
        <v>12</v>
      </c>
      <c r="H140" s="5"/>
      <c r="I140" s="5"/>
    </row>
    <row r="141" spans="1:9" ht="22.5" customHeight="1" x14ac:dyDescent="0.2">
      <c r="A141" s="1"/>
      <c r="B141" s="68"/>
      <c r="C141" s="33" t="s">
        <v>298</v>
      </c>
      <c r="D141" s="30" t="s">
        <v>299</v>
      </c>
      <c r="E141" s="31">
        <v>41730</v>
      </c>
      <c r="F141" s="32" t="s">
        <v>289</v>
      </c>
      <c r="G141" s="22" t="s">
        <v>12</v>
      </c>
      <c r="H141" s="5"/>
      <c r="I141" s="5"/>
    </row>
    <row r="142" spans="1:9" ht="22.5" customHeight="1" x14ac:dyDescent="0.2">
      <c r="A142" s="1"/>
      <c r="B142" s="68"/>
      <c r="C142" s="33" t="s">
        <v>300</v>
      </c>
      <c r="D142" s="30" t="s">
        <v>301</v>
      </c>
      <c r="E142" s="31">
        <v>43191</v>
      </c>
      <c r="F142" s="32" t="s">
        <v>180</v>
      </c>
      <c r="G142" s="22" t="s">
        <v>12</v>
      </c>
      <c r="H142" s="5"/>
      <c r="I142" s="5"/>
    </row>
    <row r="143" spans="1:9" ht="22.5" customHeight="1" x14ac:dyDescent="0.2">
      <c r="A143" s="1"/>
      <c r="B143" s="68"/>
      <c r="C143" s="33" t="s">
        <v>302</v>
      </c>
      <c r="D143" s="30" t="s">
        <v>303</v>
      </c>
      <c r="E143" s="31">
        <v>43191</v>
      </c>
      <c r="F143" s="32" t="s">
        <v>180</v>
      </c>
      <c r="G143" s="22" t="s">
        <v>12</v>
      </c>
      <c r="H143" s="5"/>
      <c r="I143" s="5"/>
    </row>
    <row r="144" spans="1:9" ht="22.5" customHeight="1" x14ac:dyDescent="0.2">
      <c r="A144" s="1"/>
      <c r="B144" s="68"/>
      <c r="C144" s="33" t="s">
        <v>304</v>
      </c>
      <c r="D144" s="33" t="s">
        <v>305</v>
      </c>
      <c r="E144" s="31">
        <v>43191</v>
      </c>
      <c r="F144" s="22" t="s">
        <v>180</v>
      </c>
      <c r="G144" s="22" t="s">
        <v>12</v>
      </c>
      <c r="H144" s="5"/>
      <c r="I144" s="5"/>
    </row>
    <row r="145" spans="1:9" ht="22.5" customHeight="1" x14ac:dyDescent="0.2">
      <c r="A145" s="1"/>
      <c r="B145" s="68"/>
      <c r="C145" s="33" t="s">
        <v>306</v>
      </c>
      <c r="D145" s="33" t="s">
        <v>307</v>
      </c>
      <c r="E145" s="31">
        <v>43556</v>
      </c>
      <c r="F145" s="22" t="s">
        <v>180</v>
      </c>
      <c r="G145" s="22" t="s">
        <v>12</v>
      </c>
      <c r="H145" s="5"/>
      <c r="I145" s="5"/>
    </row>
    <row r="146" spans="1:9" ht="22.5" customHeight="1" x14ac:dyDescent="0.2">
      <c r="A146" s="1"/>
      <c r="B146" s="68"/>
      <c r="C146" s="33" t="s">
        <v>308</v>
      </c>
      <c r="D146" s="33" t="s">
        <v>309</v>
      </c>
      <c r="E146" s="31">
        <v>43556</v>
      </c>
      <c r="F146" s="22" t="s">
        <v>180</v>
      </c>
      <c r="G146" s="22" t="s">
        <v>12</v>
      </c>
      <c r="H146" s="5"/>
      <c r="I146" s="5"/>
    </row>
    <row r="147" spans="1:9" ht="22.5" customHeight="1" x14ac:dyDescent="0.2">
      <c r="A147" s="1"/>
      <c r="B147" s="68"/>
      <c r="C147" s="33" t="s">
        <v>310</v>
      </c>
      <c r="D147" s="33" t="s">
        <v>311</v>
      </c>
      <c r="E147" s="31">
        <v>43556</v>
      </c>
      <c r="F147" s="22" t="s">
        <v>180</v>
      </c>
      <c r="G147" s="22" t="s">
        <v>12</v>
      </c>
      <c r="H147" s="5"/>
      <c r="I147" s="5"/>
    </row>
    <row r="148" spans="1:9" ht="22.5" customHeight="1" x14ac:dyDescent="0.2">
      <c r="A148" s="1"/>
      <c r="B148" s="68"/>
      <c r="C148" s="33" t="s">
        <v>312</v>
      </c>
      <c r="D148" s="33" t="s">
        <v>313</v>
      </c>
      <c r="E148" s="31">
        <v>43556</v>
      </c>
      <c r="F148" s="22" t="s">
        <v>180</v>
      </c>
      <c r="G148" s="22" t="s">
        <v>12</v>
      </c>
      <c r="H148" s="5"/>
      <c r="I148" s="5"/>
    </row>
    <row r="149" spans="1:9" ht="22.5" customHeight="1" x14ac:dyDescent="0.2">
      <c r="A149" s="1"/>
      <c r="B149" s="68"/>
      <c r="C149" s="33" t="s">
        <v>314</v>
      </c>
      <c r="D149" s="33" t="s">
        <v>315</v>
      </c>
      <c r="E149" s="31">
        <v>43556</v>
      </c>
      <c r="F149" s="22" t="s">
        <v>180</v>
      </c>
      <c r="G149" s="22" t="s">
        <v>12</v>
      </c>
      <c r="H149" s="5"/>
      <c r="I149" s="5"/>
    </row>
    <row r="150" spans="1:9" ht="22.5" customHeight="1" x14ac:dyDescent="0.2">
      <c r="A150" s="1"/>
      <c r="B150" s="68"/>
      <c r="C150" s="33" t="s">
        <v>316</v>
      </c>
      <c r="D150" s="33" t="s">
        <v>317</v>
      </c>
      <c r="E150" s="31">
        <v>43922</v>
      </c>
      <c r="F150" s="22" t="s">
        <v>180</v>
      </c>
      <c r="G150" s="22" t="s">
        <v>12</v>
      </c>
      <c r="H150" s="5"/>
      <c r="I150" s="5"/>
    </row>
    <row r="151" spans="1:9" ht="22.5" customHeight="1" x14ac:dyDescent="0.2">
      <c r="A151" s="1"/>
      <c r="B151" s="68"/>
      <c r="C151" s="29" t="s">
        <v>318</v>
      </c>
      <c r="D151" s="33" t="s">
        <v>319</v>
      </c>
      <c r="E151" s="31">
        <v>43922</v>
      </c>
      <c r="F151" s="22" t="s">
        <v>180</v>
      </c>
      <c r="G151" s="22" t="s">
        <v>12</v>
      </c>
      <c r="H151" s="5"/>
      <c r="I151" s="5"/>
    </row>
    <row r="152" spans="1:9" ht="22.5" customHeight="1" x14ac:dyDescent="0.2">
      <c r="A152" s="1"/>
      <c r="B152" s="68"/>
      <c r="C152" s="33" t="s">
        <v>320</v>
      </c>
      <c r="D152" s="33" t="s">
        <v>321</v>
      </c>
      <c r="E152" s="31">
        <v>43922</v>
      </c>
      <c r="F152" s="22" t="s">
        <v>180</v>
      </c>
      <c r="G152" s="22" t="s">
        <v>12</v>
      </c>
      <c r="H152" s="5"/>
      <c r="I152" s="5"/>
    </row>
    <row r="153" spans="1:9" ht="22.5" customHeight="1" x14ac:dyDescent="0.2">
      <c r="A153" s="1"/>
      <c r="B153" s="68"/>
      <c r="C153" s="33" t="s">
        <v>322</v>
      </c>
      <c r="D153" s="29" t="s">
        <v>323</v>
      </c>
      <c r="E153" s="31">
        <v>43922</v>
      </c>
      <c r="F153" s="22" t="s">
        <v>180</v>
      </c>
      <c r="G153" s="22" t="s">
        <v>12</v>
      </c>
      <c r="H153" s="5"/>
      <c r="I153" s="5"/>
    </row>
    <row r="154" spans="1:9" ht="22.5" customHeight="1" x14ac:dyDescent="0.2">
      <c r="A154" s="1"/>
      <c r="B154" s="68"/>
      <c r="C154" s="33" t="s">
        <v>324</v>
      </c>
      <c r="D154" s="33" t="s">
        <v>325</v>
      </c>
      <c r="E154" s="31">
        <v>43922</v>
      </c>
      <c r="F154" s="22" t="s">
        <v>180</v>
      </c>
      <c r="G154" s="22" t="s">
        <v>12</v>
      </c>
      <c r="H154" s="5"/>
      <c r="I154" s="5"/>
    </row>
    <row r="155" spans="1:9" ht="22.5" customHeight="1" x14ac:dyDescent="0.2">
      <c r="A155" s="1"/>
      <c r="B155" s="68"/>
      <c r="C155" s="33" t="s">
        <v>326</v>
      </c>
      <c r="D155" s="33" t="s">
        <v>327</v>
      </c>
      <c r="E155" s="31">
        <v>44287</v>
      </c>
      <c r="F155" s="22" t="s">
        <v>328</v>
      </c>
      <c r="G155" s="22" t="s">
        <v>12</v>
      </c>
      <c r="H155" s="5"/>
      <c r="I155" s="5"/>
    </row>
    <row r="156" spans="1:9" ht="22.5" customHeight="1" x14ac:dyDescent="0.2">
      <c r="A156" s="1"/>
      <c r="B156" s="68"/>
      <c r="C156" s="33" t="s">
        <v>329</v>
      </c>
      <c r="D156" s="33" t="s">
        <v>330</v>
      </c>
      <c r="E156" s="31">
        <v>44287</v>
      </c>
      <c r="F156" s="22" t="s">
        <v>328</v>
      </c>
      <c r="G156" s="22" t="s">
        <v>12</v>
      </c>
      <c r="H156" s="5"/>
      <c r="I156" s="5"/>
    </row>
    <row r="157" spans="1:9" ht="22.5" customHeight="1" x14ac:dyDescent="0.2">
      <c r="A157" s="1"/>
      <c r="B157" s="68"/>
      <c r="C157" s="33" t="s">
        <v>331</v>
      </c>
      <c r="D157" s="33" t="s">
        <v>332</v>
      </c>
      <c r="E157" s="31">
        <v>44652</v>
      </c>
      <c r="F157" s="22" t="s">
        <v>328</v>
      </c>
      <c r="G157" s="22" t="s">
        <v>12</v>
      </c>
      <c r="H157" s="5"/>
      <c r="I157" s="5"/>
    </row>
    <row r="158" spans="1:9" ht="22.5" customHeight="1" x14ac:dyDescent="0.2">
      <c r="A158" s="1"/>
      <c r="B158" s="68"/>
      <c r="C158" s="33" t="s">
        <v>333</v>
      </c>
      <c r="D158" s="33" t="s">
        <v>334</v>
      </c>
      <c r="E158" s="31">
        <v>45017</v>
      </c>
      <c r="F158" s="22" t="s">
        <v>328</v>
      </c>
      <c r="G158" s="22" t="s">
        <v>12</v>
      </c>
      <c r="H158" s="5"/>
      <c r="I158" s="5"/>
    </row>
    <row r="159" spans="1:9" ht="22.5" customHeight="1" x14ac:dyDescent="0.2">
      <c r="A159" s="1"/>
      <c r="B159" s="68"/>
      <c r="C159" s="33" t="s">
        <v>335</v>
      </c>
      <c r="D159" s="33" t="s">
        <v>336</v>
      </c>
      <c r="E159" s="31">
        <v>45017</v>
      </c>
      <c r="F159" s="22" t="s">
        <v>328</v>
      </c>
      <c r="G159" s="22" t="s">
        <v>12</v>
      </c>
      <c r="H159" s="5"/>
      <c r="I159" s="5"/>
    </row>
    <row r="160" spans="1:9" ht="22.5" customHeight="1" x14ac:dyDescent="0.2">
      <c r="A160" s="1"/>
      <c r="B160" s="68"/>
      <c r="C160" s="33" t="s">
        <v>337</v>
      </c>
      <c r="D160" s="33" t="s">
        <v>338</v>
      </c>
      <c r="E160" s="31">
        <v>43556</v>
      </c>
      <c r="F160" s="22" t="s">
        <v>16</v>
      </c>
      <c r="G160" s="22" t="s">
        <v>12</v>
      </c>
      <c r="H160" s="5"/>
      <c r="I160" s="5"/>
    </row>
    <row r="161" spans="1:9" ht="22.5" customHeight="1" x14ac:dyDescent="0.2">
      <c r="A161" s="1"/>
      <c r="B161" s="68"/>
      <c r="C161" s="33" t="s">
        <v>339</v>
      </c>
      <c r="D161" s="33" t="s">
        <v>340</v>
      </c>
      <c r="E161" s="31">
        <v>44287</v>
      </c>
      <c r="F161" s="22" t="s">
        <v>34</v>
      </c>
      <c r="G161" s="22" t="s">
        <v>12</v>
      </c>
      <c r="H161" s="5"/>
      <c r="I161" s="5"/>
    </row>
    <row r="162" spans="1:9" ht="22.5" customHeight="1" x14ac:dyDescent="0.2">
      <c r="A162" s="1"/>
      <c r="B162" s="68"/>
      <c r="C162" s="33" t="s">
        <v>341</v>
      </c>
      <c r="D162" s="33" t="s">
        <v>342</v>
      </c>
      <c r="E162" s="31">
        <v>44287</v>
      </c>
      <c r="F162" s="22" t="s">
        <v>34</v>
      </c>
      <c r="G162" s="22" t="s">
        <v>12</v>
      </c>
      <c r="H162" s="5"/>
      <c r="I162" s="5"/>
    </row>
    <row r="163" spans="1:9" ht="40.799999999999997" customHeight="1" x14ac:dyDescent="0.2">
      <c r="A163" s="1"/>
      <c r="B163" s="68"/>
      <c r="C163" s="30" t="s">
        <v>343</v>
      </c>
      <c r="D163" s="30" t="s">
        <v>344</v>
      </c>
      <c r="E163" s="31">
        <v>44652</v>
      </c>
      <c r="F163" s="22" t="s">
        <v>16</v>
      </c>
      <c r="G163" s="22" t="s">
        <v>12</v>
      </c>
      <c r="H163" s="5"/>
      <c r="I163" s="5"/>
    </row>
    <row r="164" spans="1:9" ht="28.8" customHeight="1" x14ac:dyDescent="0.2">
      <c r="A164" s="1"/>
      <c r="B164" s="68"/>
      <c r="C164" s="30" t="s">
        <v>345</v>
      </c>
      <c r="D164" s="30" t="s">
        <v>346</v>
      </c>
      <c r="E164" s="31">
        <v>45017</v>
      </c>
      <c r="F164" s="22" t="s">
        <v>34</v>
      </c>
      <c r="G164" s="22" t="s">
        <v>12</v>
      </c>
      <c r="H164" s="5"/>
      <c r="I164" s="5"/>
    </row>
    <row r="165" spans="1:9" ht="22.5" customHeight="1" x14ac:dyDescent="0.2">
      <c r="A165" s="1"/>
      <c r="B165" s="68" t="s">
        <v>347</v>
      </c>
      <c r="C165" s="33" t="s">
        <v>348</v>
      </c>
      <c r="D165" s="30" t="s">
        <v>349</v>
      </c>
      <c r="E165" s="31">
        <v>42095</v>
      </c>
      <c r="F165" s="32" t="s">
        <v>11</v>
      </c>
      <c r="G165" s="22" t="s">
        <v>12</v>
      </c>
      <c r="H165" s="5"/>
      <c r="I165" s="5"/>
    </row>
    <row r="166" spans="1:9" ht="22.5" customHeight="1" x14ac:dyDescent="0.2">
      <c r="A166" s="1"/>
      <c r="B166" s="68"/>
      <c r="C166" s="33" t="s">
        <v>350</v>
      </c>
      <c r="D166" s="30" t="s">
        <v>351</v>
      </c>
      <c r="E166" s="31">
        <v>42095</v>
      </c>
      <c r="F166" s="32" t="s">
        <v>11</v>
      </c>
      <c r="G166" s="22" t="s">
        <v>12</v>
      </c>
      <c r="H166" s="5"/>
      <c r="I166" s="5"/>
    </row>
    <row r="167" spans="1:9" ht="22.5" customHeight="1" x14ac:dyDescent="0.2">
      <c r="A167" s="1"/>
      <c r="B167" s="68"/>
      <c r="C167" s="33" t="s">
        <v>352</v>
      </c>
      <c r="D167" s="30" t="s">
        <v>353</v>
      </c>
      <c r="E167" s="31">
        <v>42095</v>
      </c>
      <c r="F167" s="32" t="s">
        <v>11</v>
      </c>
      <c r="G167" s="22" t="s">
        <v>12</v>
      </c>
      <c r="H167" s="5"/>
      <c r="I167" s="5"/>
    </row>
    <row r="168" spans="1:9" ht="22.5" customHeight="1" x14ac:dyDescent="0.2">
      <c r="A168" s="1"/>
      <c r="B168" s="68"/>
      <c r="C168" s="33" t="s">
        <v>354</v>
      </c>
      <c r="D168" s="30" t="s">
        <v>355</v>
      </c>
      <c r="E168" s="31">
        <v>42461</v>
      </c>
      <c r="F168" s="32" t="s">
        <v>11</v>
      </c>
      <c r="G168" s="22" t="s">
        <v>12</v>
      </c>
      <c r="H168" s="5"/>
      <c r="I168" s="5"/>
    </row>
    <row r="169" spans="1:9" ht="22.5" customHeight="1" x14ac:dyDescent="0.2">
      <c r="A169" s="1"/>
      <c r="B169" s="68"/>
      <c r="C169" s="33" t="s">
        <v>356</v>
      </c>
      <c r="D169" s="30" t="s">
        <v>357</v>
      </c>
      <c r="E169" s="31">
        <v>42461</v>
      </c>
      <c r="F169" s="32" t="s">
        <v>11</v>
      </c>
      <c r="G169" s="22" t="s">
        <v>12</v>
      </c>
      <c r="H169" s="5"/>
      <c r="I169" s="5"/>
    </row>
    <row r="170" spans="1:9" ht="22.5" customHeight="1" x14ac:dyDescent="0.2">
      <c r="A170" s="1"/>
      <c r="B170" s="68"/>
      <c r="C170" s="33" t="s">
        <v>358</v>
      </c>
      <c r="D170" s="30" t="s">
        <v>359</v>
      </c>
      <c r="E170" s="31">
        <v>42826</v>
      </c>
      <c r="F170" s="32" t="s">
        <v>159</v>
      </c>
      <c r="G170" s="22" t="s">
        <v>12</v>
      </c>
      <c r="H170" s="5"/>
      <c r="I170" s="5"/>
    </row>
    <row r="171" spans="1:9" ht="22.5" customHeight="1" x14ac:dyDescent="0.2">
      <c r="A171" s="1"/>
      <c r="B171" s="68"/>
      <c r="C171" s="33" t="s">
        <v>360</v>
      </c>
      <c r="D171" s="30" t="s">
        <v>361</v>
      </c>
      <c r="E171" s="31">
        <v>42826</v>
      </c>
      <c r="F171" s="32" t="s">
        <v>159</v>
      </c>
      <c r="G171" s="22" t="s">
        <v>12</v>
      </c>
      <c r="H171" s="5"/>
      <c r="I171" s="5"/>
    </row>
    <row r="172" spans="1:9" ht="22.5" customHeight="1" x14ac:dyDescent="0.2">
      <c r="A172" s="1"/>
      <c r="B172" s="68"/>
      <c r="C172" s="39" t="s">
        <v>362</v>
      </c>
      <c r="D172" s="39" t="s">
        <v>363</v>
      </c>
      <c r="E172" s="31">
        <v>42826</v>
      </c>
      <c r="F172" s="32" t="s">
        <v>11</v>
      </c>
      <c r="G172" s="22" t="s">
        <v>12</v>
      </c>
      <c r="H172" s="5"/>
      <c r="I172" s="5"/>
    </row>
    <row r="173" spans="1:9" ht="22.5" customHeight="1" x14ac:dyDescent="0.2">
      <c r="A173" s="1"/>
      <c r="B173" s="68"/>
      <c r="C173" s="33" t="s">
        <v>364</v>
      </c>
      <c r="D173" s="30" t="s">
        <v>365</v>
      </c>
      <c r="E173" s="31">
        <v>42826</v>
      </c>
      <c r="F173" s="32" t="s">
        <v>11</v>
      </c>
      <c r="G173" s="22" t="s">
        <v>12</v>
      </c>
      <c r="H173" s="5"/>
      <c r="I173" s="5"/>
    </row>
    <row r="174" spans="1:9" ht="22.5" customHeight="1" x14ac:dyDescent="0.2">
      <c r="A174" s="1"/>
      <c r="B174" s="68"/>
      <c r="C174" s="33" t="s">
        <v>366</v>
      </c>
      <c r="D174" s="30" t="s">
        <v>367</v>
      </c>
      <c r="E174" s="31">
        <v>43556</v>
      </c>
      <c r="F174" s="32" t="s">
        <v>11</v>
      </c>
      <c r="G174" s="22" t="s">
        <v>12</v>
      </c>
      <c r="H174" s="5"/>
      <c r="I174" s="5"/>
    </row>
    <row r="175" spans="1:9" ht="22.5" customHeight="1" x14ac:dyDescent="0.2">
      <c r="A175" s="1"/>
      <c r="B175" s="68"/>
      <c r="C175" s="33" t="s">
        <v>368</v>
      </c>
      <c r="D175" s="30" t="s">
        <v>369</v>
      </c>
      <c r="E175" s="31">
        <v>43556</v>
      </c>
      <c r="F175" s="32" t="s">
        <v>11</v>
      </c>
      <c r="G175" s="22" t="s">
        <v>12</v>
      </c>
      <c r="H175" s="5"/>
      <c r="I175" s="5"/>
    </row>
    <row r="176" spans="1:9" ht="22.5" customHeight="1" x14ac:dyDescent="0.2">
      <c r="A176" s="1"/>
      <c r="B176" s="68"/>
      <c r="C176" s="33" t="s">
        <v>370</v>
      </c>
      <c r="D176" s="30" t="s">
        <v>371</v>
      </c>
      <c r="E176" s="31">
        <v>43556</v>
      </c>
      <c r="F176" s="32" t="s">
        <v>11</v>
      </c>
      <c r="G176" s="22" t="s">
        <v>12</v>
      </c>
      <c r="H176" s="5"/>
      <c r="I176" s="5"/>
    </row>
    <row r="177" spans="1:9" ht="22.5" customHeight="1" x14ac:dyDescent="0.2">
      <c r="A177" s="1"/>
      <c r="B177" s="68"/>
      <c r="C177" s="33" t="s">
        <v>372</v>
      </c>
      <c r="D177" s="30" t="s">
        <v>373</v>
      </c>
      <c r="E177" s="31">
        <v>44287</v>
      </c>
      <c r="F177" s="32" t="s">
        <v>26</v>
      </c>
      <c r="G177" s="22" t="s">
        <v>12</v>
      </c>
      <c r="H177" s="5"/>
      <c r="I177" s="5"/>
    </row>
    <row r="178" spans="1:9" ht="22.5" customHeight="1" x14ac:dyDescent="0.2">
      <c r="A178" s="1"/>
      <c r="B178" s="68"/>
      <c r="C178" s="33" t="s">
        <v>374</v>
      </c>
      <c r="D178" s="30" t="s">
        <v>375</v>
      </c>
      <c r="E178" s="31">
        <v>44287</v>
      </c>
      <c r="F178" s="32" t="s">
        <v>26</v>
      </c>
      <c r="G178" s="22" t="s">
        <v>12</v>
      </c>
      <c r="H178" s="5"/>
      <c r="I178" s="5"/>
    </row>
    <row r="179" spans="1:9" ht="22.5" customHeight="1" x14ac:dyDescent="0.2">
      <c r="A179" s="1"/>
      <c r="B179" s="68"/>
      <c r="C179" s="33" t="s">
        <v>376</v>
      </c>
      <c r="D179" s="30" t="s">
        <v>377</v>
      </c>
      <c r="E179" s="31">
        <v>44287</v>
      </c>
      <c r="F179" s="32" t="s">
        <v>26</v>
      </c>
      <c r="G179" s="22" t="s">
        <v>12</v>
      </c>
      <c r="H179" s="5"/>
      <c r="I179" s="5"/>
    </row>
    <row r="180" spans="1:9" ht="22.5" customHeight="1" x14ac:dyDescent="0.2">
      <c r="A180" s="1"/>
      <c r="B180" s="68"/>
      <c r="C180" s="33" t="s">
        <v>378</v>
      </c>
      <c r="D180" s="30" t="s">
        <v>379</v>
      </c>
      <c r="E180" s="31">
        <v>44287</v>
      </c>
      <c r="F180" s="32" t="s">
        <v>26</v>
      </c>
      <c r="G180" s="22" t="s">
        <v>12</v>
      </c>
      <c r="H180" s="5"/>
      <c r="I180" s="5"/>
    </row>
    <row r="181" spans="1:9" ht="22.5" customHeight="1" x14ac:dyDescent="0.2">
      <c r="A181" s="1"/>
      <c r="B181" s="68"/>
      <c r="C181" s="42" t="s">
        <v>380</v>
      </c>
      <c r="D181" s="35" t="s">
        <v>381</v>
      </c>
      <c r="E181" s="36">
        <v>44652</v>
      </c>
      <c r="F181" s="37" t="s">
        <v>274</v>
      </c>
      <c r="G181" s="38" t="s">
        <v>12</v>
      </c>
      <c r="H181" s="5"/>
      <c r="I181" s="5"/>
    </row>
    <row r="182" spans="1:9" ht="22.5" customHeight="1" x14ac:dyDescent="0.2">
      <c r="A182" s="1"/>
      <c r="B182" s="68"/>
      <c r="C182" s="42" t="s">
        <v>382</v>
      </c>
      <c r="D182" s="35" t="s">
        <v>383</v>
      </c>
      <c r="E182" s="36">
        <v>44652</v>
      </c>
      <c r="F182" s="37" t="s">
        <v>11</v>
      </c>
      <c r="G182" s="38" t="s">
        <v>384</v>
      </c>
      <c r="H182" s="5"/>
      <c r="I182" s="5"/>
    </row>
    <row r="183" spans="1:9" ht="22.5" customHeight="1" x14ac:dyDescent="0.2">
      <c r="A183" s="1"/>
      <c r="B183" s="68"/>
      <c r="C183" s="42" t="s">
        <v>385</v>
      </c>
      <c r="D183" s="35" t="s">
        <v>386</v>
      </c>
      <c r="E183" s="36">
        <v>44652</v>
      </c>
      <c r="F183" s="37" t="s">
        <v>11</v>
      </c>
      <c r="G183" s="38" t="s">
        <v>27</v>
      </c>
      <c r="H183" s="5"/>
      <c r="I183" s="5"/>
    </row>
    <row r="184" spans="1:9" ht="22.5" customHeight="1" x14ac:dyDescent="0.2">
      <c r="A184" s="1"/>
      <c r="B184" s="68"/>
      <c r="C184" s="33" t="s">
        <v>387</v>
      </c>
      <c r="D184" s="30" t="s">
        <v>388</v>
      </c>
      <c r="E184" s="31">
        <v>42461</v>
      </c>
      <c r="F184" s="32" t="s">
        <v>15</v>
      </c>
      <c r="G184" s="22" t="s">
        <v>12</v>
      </c>
      <c r="H184" s="5"/>
      <c r="I184" s="5"/>
    </row>
    <row r="185" spans="1:9" ht="22.5" customHeight="1" x14ac:dyDescent="0.2">
      <c r="A185" s="1"/>
      <c r="B185" s="68"/>
      <c r="C185" s="39" t="s">
        <v>389</v>
      </c>
      <c r="D185" s="39" t="s">
        <v>390</v>
      </c>
      <c r="E185" s="31">
        <v>42826</v>
      </c>
      <c r="F185" s="32" t="s">
        <v>15</v>
      </c>
      <c r="G185" s="22" t="s">
        <v>12</v>
      </c>
      <c r="H185" s="5"/>
      <c r="I185" s="5"/>
    </row>
    <row r="186" spans="1:9" ht="22.5" customHeight="1" x14ac:dyDescent="0.2">
      <c r="A186" s="1"/>
      <c r="B186" s="68"/>
      <c r="C186" s="39" t="s">
        <v>391</v>
      </c>
      <c r="D186" s="39" t="s">
        <v>392</v>
      </c>
      <c r="E186" s="31">
        <v>43191</v>
      </c>
      <c r="F186" s="32" t="s">
        <v>15</v>
      </c>
      <c r="G186" s="22" t="s">
        <v>12</v>
      </c>
      <c r="H186" s="5"/>
      <c r="I186" s="5"/>
    </row>
    <row r="187" spans="1:9" ht="22.5" customHeight="1" x14ac:dyDescent="0.2">
      <c r="A187" s="1"/>
      <c r="B187" s="68"/>
      <c r="C187" s="39" t="s">
        <v>393</v>
      </c>
      <c r="D187" s="39" t="s">
        <v>394</v>
      </c>
      <c r="E187" s="31">
        <v>43191</v>
      </c>
      <c r="F187" s="32" t="s">
        <v>15</v>
      </c>
      <c r="G187" s="22" t="s">
        <v>12</v>
      </c>
      <c r="H187" s="5"/>
      <c r="I187" s="5"/>
    </row>
    <row r="188" spans="1:9" ht="22.5" customHeight="1" x14ac:dyDescent="0.2">
      <c r="A188" s="1"/>
      <c r="B188" s="68"/>
      <c r="C188" s="39" t="s">
        <v>395</v>
      </c>
      <c r="D188" s="39" t="s">
        <v>396</v>
      </c>
      <c r="E188" s="31">
        <v>43191</v>
      </c>
      <c r="F188" s="32" t="s">
        <v>15</v>
      </c>
      <c r="G188" s="22" t="s">
        <v>12</v>
      </c>
      <c r="H188" s="5"/>
      <c r="I188" s="5"/>
    </row>
    <row r="189" spans="1:9" ht="22.5" customHeight="1" x14ac:dyDescent="0.2">
      <c r="A189" s="1"/>
      <c r="B189" s="68"/>
      <c r="C189" s="39" t="s">
        <v>397</v>
      </c>
      <c r="D189" s="39" t="s">
        <v>398</v>
      </c>
      <c r="E189" s="31">
        <v>43191</v>
      </c>
      <c r="F189" s="32" t="s">
        <v>15</v>
      </c>
      <c r="G189" s="22" t="s">
        <v>12</v>
      </c>
      <c r="H189" s="5"/>
      <c r="I189" s="5"/>
    </row>
    <row r="190" spans="1:9" ht="22.5" customHeight="1" x14ac:dyDescent="0.2">
      <c r="A190" s="1"/>
      <c r="B190" s="68"/>
      <c r="C190" s="39" t="s">
        <v>399</v>
      </c>
      <c r="D190" s="39" t="s">
        <v>400</v>
      </c>
      <c r="E190" s="31">
        <v>43556</v>
      </c>
      <c r="F190" s="32" t="s">
        <v>15</v>
      </c>
      <c r="G190" s="22" t="s">
        <v>12</v>
      </c>
      <c r="H190" s="5"/>
      <c r="I190" s="5"/>
    </row>
    <row r="191" spans="1:9" ht="22.5" customHeight="1" x14ac:dyDescent="0.2">
      <c r="A191" s="1"/>
      <c r="B191" s="68"/>
      <c r="C191" s="39" t="s">
        <v>401</v>
      </c>
      <c r="D191" s="39" t="s">
        <v>402</v>
      </c>
      <c r="E191" s="31">
        <v>43556</v>
      </c>
      <c r="F191" s="32" t="s">
        <v>15</v>
      </c>
      <c r="G191" s="22" t="s">
        <v>12</v>
      </c>
      <c r="H191" s="5"/>
      <c r="I191" s="5"/>
    </row>
    <row r="192" spans="1:9" ht="22.5" customHeight="1" x14ac:dyDescent="0.2">
      <c r="A192" s="1"/>
      <c r="B192" s="68"/>
      <c r="C192" s="39" t="s">
        <v>403</v>
      </c>
      <c r="D192" s="39" t="s">
        <v>404</v>
      </c>
      <c r="E192" s="31">
        <v>43556</v>
      </c>
      <c r="F192" s="32" t="s">
        <v>15</v>
      </c>
      <c r="G192" s="22" t="s">
        <v>12</v>
      </c>
      <c r="H192" s="5"/>
      <c r="I192" s="5"/>
    </row>
    <row r="193" spans="1:9" ht="22.5" customHeight="1" x14ac:dyDescent="0.2">
      <c r="A193" s="1"/>
      <c r="B193" s="68"/>
      <c r="C193" s="39" t="s">
        <v>405</v>
      </c>
      <c r="D193" s="39" t="s">
        <v>406</v>
      </c>
      <c r="E193" s="31">
        <v>43922</v>
      </c>
      <c r="F193" s="32" t="s">
        <v>15</v>
      </c>
      <c r="G193" s="22" t="s">
        <v>12</v>
      </c>
      <c r="H193" s="5"/>
      <c r="I193" s="5"/>
    </row>
    <row r="194" spans="1:9" ht="22.5" customHeight="1" x14ac:dyDescent="0.2">
      <c r="A194" s="1"/>
      <c r="B194" s="68"/>
      <c r="C194" s="39" t="s">
        <v>407</v>
      </c>
      <c r="D194" s="39" t="s">
        <v>408</v>
      </c>
      <c r="E194" s="31">
        <v>45017</v>
      </c>
      <c r="F194" s="32" t="s">
        <v>15</v>
      </c>
      <c r="G194" s="22" t="s">
        <v>12</v>
      </c>
      <c r="H194" s="5"/>
      <c r="I194" s="5"/>
    </row>
    <row r="195" spans="1:9" ht="26.25" customHeight="1" x14ac:dyDescent="0.2">
      <c r="A195" s="1"/>
      <c r="B195" s="71" t="s">
        <v>409</v>
      </c>
      <c r="C195" s="43" t="s">
        <v>410</v>
      </c>
      <c r="D195" s="19" t="s">
        <v>411</v>
      </c>
      <c r="E195" s="20">
        <v>39904</v>
      </c>
      <c r="F195" s="44" t="s">
        <v>33</v>
      </c>
      <c r="G195" s="22" t="s">
        <v>12</v>
      </c>
      <c r="H195" s="5"/>
      <c r="I195" s="5"/>
    </row>
    <row r="196" spans="1:9" ht="26.25" customHeight="1" x14ac:dyDescent="0.2">
      <c r="A196" s="1"/>
      <c r="B196" s="69"/>
      <c r="C196" s="43" t="s">
        <v>412</v>
      </c>
      <c r="D196" s="19" t="s">
        <v>413</v>
      </c>
      <c r="E196" s="20">
        <v>42461</v>
      </c>
      <c r="F196" s="44" t="s">
        <v>33</v>
      </c>
      <c r="G196" s="22" t="s">
        <v>12</v>
      </c>
      <c r="H196" s="5"/>
      <c r="I196" s="5"/>
    </row>
    <row r="197" spans="1:9" ht="26.25" customHeight="1" x14ac:dyDescent="0.2">
      <c r="A197" s="1"/>
      <c r="B197" s="69"/>
      <c r="C197" s="43" t="s">
        <v>414</v>
      </c>
      <c r="D197" s="19" t="s">
        <v>415</v>
      </c>
      <c r="E197" s="20">
        <v>42826</v>
      </c>
      <c r="F197" s="44" t="s">
        <v>33</v>
      </c>
      <c r="G197" s="22" t="s">
        <v>27</v>
      </c>
      <c r="H197" s="5"/>
      <c r="I197" s="5"/>
    </row>
    <row r="198" spans="1:9" ht="26.25" customHeight="1" x14ac:dyDescent="0.2">
      <c r="A198" s="1"/>
      <c r="B198" s="69"/>
      <c r="C198" s="43" t="s">
        <v>416</v>
      </c>
      <c r="D198" s="19" t="s">
        <v>417</v>
      </c>
      <c r="E198" s="20">
        <v>42461</v>
      </c>
      <c r="F198" s="44" t="s">
        <v>15</v>
      </c>
      <c r="G198" s="22" t="s">
        <v>12</v>
      </c>
      <c r="H198" s="5"/>
      <c r="I198" s="5"/>
    </row>
    <row r="199" spans="1:9" ht="26.25" customHeight="1" x14ac:dyDescent="0.2">
      <c r="A199" s="1"/>
      <c r="B199" s="69"/>
      <c r="C199" s="43" t="s">
        <v>418</v>
      </c>
      <c r="D199" s="19" t="s">
        <v>419</v>
      </c>
      <c r="E199" s="20">
        <v>42461</v>
      </c>
      <c r="F199" s="44" t="s">
        <v>15</v>
      </c>
      <c r="G199" s="22" t="s">
        <v>12</v>
      </c>
      <c r="H199" s="1"/>
      <c r="I199" s="1"/>
    </row>
    <row r="200" spans="1:9" ht="26.25" customHeight="1" x14ac:dyDescent="0.2">
      <c r="A200" s="1"/>
      <c r="B200" s="69"/>
      <c r="C200" s="43" t="s">
        <v>420</v>
      </c>
      <c r="D200" s="19" t="s">
        <v>421</v>
      </c>
      <c r="E200" s="20">
        <v>42826</v>
      </c>
      <c r="F200" s="44" t="s">
        <v>15</v>
      </c>
      <c r="G200" s="22" t="s">
        <v>12</v>
      </c>
      <c r="H200" s="1"/>
      <c r="I200" s="1"/>
    </row>
    <row r="201" spans="1:9" ht="26.25" customHeight="1" x14ac:dyDescent="0.2">
      <c r="A201" s="1"/>
      <c r="B201" s="69"/>
      <c r="C201" s="43" t="s">
        <v>422</v>
      </c>
      <c r="D201" s="19" t="s">
        <v>423</v>
      </c>
      <c r="E201" s="20">
        <v>44287</v>
      </c>
      <c r="F201" s="44" t="s">
        <v>15</v>
      </c>
      <c r="G201" s="22" t="s">
        <v>12</v>
      </c>
      <c r="H201" s="1"/>
      <c r="I201" s="1"/>
    </row>
    <row r="202" spans="1:9" ht="26.25" customHeight="1" x14ac:dyDescent="0.2">
      <c r="A202" s="1"/>
      <c r="B202" s="69"/>
      <c r="C202" s="43" t="s">
        <v>424</v>
      </c>
      <c r="D202" s="19" t="s">
        <v>425</v>
      </c>
      <c r="E202" s="20">
        <v>44287</v>
      </c>
      <c r="F202" s="44" t="s">
        <v>15</v>
      </c>
      <c r="G202" s="22" t="s">
        <v>12</v>
      </c>
      <c r="H202" s="1"/>
      <c r="I202" s="1"/>
    </row>
    <row r="203" spans="1:9" ht="26.25" customHeight="1" x14ac:dyDescent="0.2">
      <c r="A203" s="1"/>
      <c r="B203" s="70"/>
      <c r="C203" s="43" t="s">
        <v>426</v>
      </c>
      <c r="D203" s="19" t="s">
        <v>427</v>
      </c>
      <c r="E203" s="20">
        <v>45017</v>
      </c>
      <c r="F203" s="44" t="s">
        <v>15</v>
      </c>
      <c r="G203" s="22" t="s">
        <v>12</v>
      </c>
      <c r="H203" s="1"/>
      <c r="I203" s="1"/>
    </row>
    <row r="204" spans="1:9" ht="26.25" customHeight="1" x14ac:dyDescent="0.2">
      <c r="A204" s="1"/>
      <c r="B204" s="68" t="s">
        <v>428</v>
      </c>
      <c r="C204" s="43" t="s">
        <v>429</v>
      </c>
      <c r="D204" s="19" t="s">
        <v>430</v>
      </c>
      <c r="E204" s="20">
        <v>39539</v>
      </c>
      <c r="F204" s="44" t="s">
        <v>11</v>
      </c>
      <c r="G204" s="22" t="s">
        <v>12</v>
      </c>
      <c r="H204" s="1"/>
      <c r="I204" s="1"/>
    </row>
    <row r="205" spans="1:9" ht="26.25" customHeight="1" x14ac:dyDescent="0.2">
      <c r="A205" s="1"/>
      <c r="B205" s="68"/>
      <c r="C205" s="43" t="s">
        <v>431</v>
      </c>
      <c r="D205" s="19" t="s">
        <v>432</v>
      </c>
      <c r="E205" s="20">
        <v>41365</v>
      </c>
      <c r="F205" s="44" t="s">
        <v>11</v>
      </c>
      <c r="G205" s="22" t="s">
        <v>12</v>
      </c>
      <c r="H205" s="1"/>
      <c r="I205" s="1"/>
    </row>
    <row r="206" spans="1:9" ht="26.25" customHeight="1" x14ac:dyDescent="0.2">
      <c r="A206" s="1"/>
      <c r="B206" s="68"/>
      <c r="C206" s="45" t="s">
        <v>433</v>
      </c>
      <c r="D206" s="27" t="s">
        <v>434</v>
      </c>
      <c r="E206" s="23">
        <v>40634</v>
      </c>
      <c r="F206" s="46" t="s">
        <v>435</v>
      </c>
      <c r="G206" s="22" t="s">
        <v>12</v>
      </c>
      <c r="H206" s="1"/>
      <c r="I206" s="1"/>
    </row>
    <row r="207" spans="1:9" ht="26.25" customHeight="1" x14ac:dyDescent="0.2">
      <c r="A207" s="1"/>
      <c r="B207" s="68"/>
      <c r="C207" s="45" t="s">
        <v>436</v>
      </c>
      <c r="D207" s="27" t="s">
        <v>437</v>
      </c>
      <c r="E207" s="23">
        <v>43191</v>
      </c>
      <c r="F207" s="46" t="s">
        <v>15</v>
      </c>
      <c r="G207" s="22" t="s">
        <v>12</v>
      </c>
      <c r="H207" s="1"/>
      <c r="I207" s="1"/>
    </row>
    <row r="208" spans="1:9" ht="26.25" customHeight="1" x14ac:dyDescent="0.2">
      <c r="A208" s="1"/>
      <c r="B208" s="68"/>
      <c r="C208" s="45" t="s">
        <v>438</v>
      </c>
      <c r="D208" s="27" t="s">
        <v>439</v>
      </c>
      <c r="E208" s="23">
        <v>43556</v>
      </c>
      <c r="F208" s="46" t="s">
        <v>15</v>
      </c>
      <c r="G208" s="22" t="s">
        <v>12</v>
      </c>
      <c r="H208" s="1"/>
      <c r="I208" s="1"/>
    </row>
    <row r="209" spans="1:9" ht="26.25" customHeight="1" x14ac:dyDescent="0.2">
      <c r="A209" s="1"/>
      <c r="B209" s="72" t="s">
        <v>440</v>
      </c>
      <c r="C209" s="47" t="s">
        <v>441</v>
      </c>
      <c r="D209" s="27" t="s">
        <v>442</v>
      </c>
      <c r="E209" s="20">
        <v>42826</v>
      </c>
      <c r="F209" s="44" t="s">
        <v>15</v>
      </c>
      <c r="G209" s="22" t="s">
        <v>12</v>
      </c>
      <c r="H209" s="5"/>
      <c r="I209" s="5"/>
    </row>
    <row r="210" spans="1:9" ht="26.25" customHeight="1" x14ac:dyDescent="0.2">
      <c r="A210" s="1"/>
      <c r="B210" s="67"/>
      <c r="C210" s="47" t="s">
        <v>443</v>
      </c>
      <c r="D210" s="27" t="s">
        <v>444</v>
      </c>
      <c r="E210" s="23">
        <v>44652</v>
      </c>
      <c r="F210" s="46" t="s">
        <v>15</v>
      </c>
      <c r="G210" s="28" t="s">
        <v>12</v>
      </c>
      <c r="H210" s="5"/>
      <c r="I210" s="5"/>
    </row>
    <row r="211" spans="1:9" ht="26.25" customHeight="1" x14ac:dyDescent="0.2">
      <c r="A211" s="1"/>
      <c r="B211" s="68" t="s">
        <v>445</v>
      </c>
      <c r="C211" s="33" t="s">
        <v>446</v>
      </c>
      <c r="D211" s="30" t="s">
        <v>447</v>
      </c>
      <c r="E211" s="31">
        <v>42095</v>
      </c>
      <c r="F211" s="32" t="s">
        <v>33</v>
      </c>
      <c r="G211" s="22" t="s">
        <v>12</v>
      </c>
      <c r="H211" s="5"/>
      <c r="I211" s="5"/>
    </row>
    <row r="212" spans="1:9" ht="26.25" customHeight="1" x14ac:dyDescent="0.2">
      <c r="A212" s="1"/>
      <c r="B212" s="68"/>
      <c r="C212" s="33" t="s">
        <v>448</v>
      </c>
      <c r="D212" s="30" t="s">
        <v>449</v>
      </c>
      <c r="E212" s="31">
        <v>44652</v>
      </c>
      <c r="F212" s="32" t="s">
        <v>450</v>
      </c>
      <c r="G212" s="22" t="s">
        <v>12</v>
      </c>
      <c r="H212" s="5"/>
      <c r="I212" s="5"/>
    </row>
    <row r="213" spans="1:9" ht="26.25" customHeight="1" x14ac:dyDescent="0.2">
      <c r="A213" s="1"/>
      <c r="B213" s="68"/>
      <c r="C213" s="33" t="s">
        <v>451</v>
      </c>
      <c r="D213" s="30" t="s">
        <v>452</v>
      </c>
      <c r="E213" s="31">
        <v>42461</v>
      </c>
      <c r="F213" s="32" t="s">
        <v>453</v>
      </c>
      <c r="G213" s="22" t="s">
        <v>12</v>
      </c>
      <c r="H213" s="5"/>
      <c r="I213" s="5"/>
    </row>
    <row r="214" spans="1:9" ht="26.25" customHeight="1" x14ac:dyDescent="0.2">
      <c r="A214" s="1"/>
      <c r="B214" s="68"/>
      <c r="C214" s="33" t="s">
        <v>454</v>
      </c>
      <c r="D214" s="30" t="s">
        <v>455</v>
      </c>
      <c r="E214" s="31">
        <v>44287</v>
      </c>
      <c r="F214" s="32" t="s">
        <v>453</v>
      </c>
      <c r="G214" s="22" t="s">
        <v>12</v>
      </c>
      <c r="H214" s="5"/>
      <c r="I214" s="5"/>
    </row>
    <row r="215" spans="1:9" ht="26.25" customHeight="1" x14ac:dyDescent="0.2">
      <c r="A215" s="1"/>
      <c r="B215" s="68"/>
      <c r="C215" s="33" t="s">
        <v>456</v>
      </c>
      <c r="D215" s="30" t="s">
        <v>457</v>
      </c>
      <c r="E215" s="31">
        <v>45017</v>
      </c>
      <c r="F215" s="32" t="s">
        <v>15</v>
      </c>
      <c r="G215" s="22" t="s">
        <v>12</v>
      </c>
      <c r="H215" s="5"/>
      <c r="I215" s="5"/>
    </row>
    <row r="216" spans="1:9" ht="26.25" customHeight="1" x14ac:dyDescent="0.2">
      <c r="A216" s="1"/>
      <c r="B216" s="68" t="s">
        <v>458</v>
      </c>
      <c r="C216" s="33" t="s">
        <v>459</v>
      </c>
      <c r="D216" s="33" t="s">
        <v>460</v>
      </c>
      <c r="E216" s="31">
        <v>42461</v>
      </c>
      <c r="F216" s="32" t="s">
        <v>33</v>
      </c>
      <c r="G216" s="22" t="s">
        <v>12</v>
      </c>
      <c r="H216" s="5"/>
      <c r="I216" s="5"/>
    </row>
    <row r="217" spans="1:9" ht="26.25" customHeight="1" x14ac:dyDescent="0.2">
      <c r="A217" s="1"/>
      <c r="B217" s="68"/>
      <c r="C217" s="33" t="s">
        <v>461</v>
      </c>
      <c r="D217" s="33" t="s">
        <v>462</v>
      </c>
      <c r="E217" s="31">
        <v>43922</v>
      </c>
      <c r="F217" s="32" t="s">
        <v>103</v>
      </c>
      <c r="G217" s="22" t="s">
        <v>12</v>
      </c>
      <c r="H217" s="5"/>
      <c r="I217" s="5"/>
    </row>
    <row r="218" spans="1:9" ht="26.25" customHeight="1" x14ac:dyDescent="0.2">
      <c r="A218" s="1"/>
      <c r="B218" s="68"/>
      <c r="C218" s="33" t="s">
        <v>463</v>
      </c>
      <c r="D218" s="33" t="s">
        <v>464</v>
      </c>
      <c r="E218" s="31">
        <v>42826</v>
      </c>
      <c r="F218" s="32" t="s">
        <v>450</v>
      </c>
      <c r="G218" s="22" t="s">
        <v>12</v>
      </c>
      <c r="H218" s="5"/>
      <c r="I218" s="5"/>
    </row>
    <row r="219" spans="1:9" ht="26.25" customHeight="1" x14ac:dyDescent="0.2">
      <c r="A219" s="1"/>
      <c r="B219" s="68"/>
      <c r="C219" s="33" t="s">
        <v>465</v>
      </c>
      <c r="D219" s="33" t="s">
        <v>466</v>
      </c>
      <c r="E219" s="31">
        <v>43191</v>
      </c>
      <c r="F219" s="32" t="s">
        <v>15</v>
      </c>
      <c r="G219" s="22" t="s">
        <v>12</v>
      </c>
      <c r="H219" s="5"/>
      <c r="I219" s="5"/>
    </row>
    <row r="220" spans="1:9" ht="26.25" customHeight="1" x14ac:dyDescent="0.2">
      <c r="A220" s="1"/>
      <c r="B220" s="68"/>
      <c r="C220" s="33" t="s">
        <v>467</v>
      </c>
      <c r="D220" s="33" t="s">
        <v>468</v>
      </c>
      <c r="E220" s="31">
        <v>43191</v>
      </c>
      <c r="F220" s="32" t="s">
        <v>15</v>
      </c>
      <c r="G220" s="22" t="s">
        <v>12</v>
      </c>
      <c r="H220" s="5"/>
      <c r="I220" s="5"/>
    </row>
    <row r="221" spans="1:9" ht="26.25" customHeight="1" x14ac:dyDescent="0.2">
      <c r="A221" s="1"/>
      <c r="B221" s="68"/>
      <c r="C221" s="33" t="s">
        <v>469</v>
      </c>
      <c r="D221" s="33" t="s">
        <v>470</v>
      </c>
      <c r="E221" s="31">
        <v>43191</v>
      </c>
      <c r="F221" s="32" t="s">
        <v>15</v>
      </c>
      <c r="G221" s="22" t="s">
        <v>12</v>
      </c>
      <c r="H221" s="5"/>
      <c r="I221" s="5"/>
    </row>
    <row r="222" spans="1:9" ht="26.25" customHeight="1" x14ac:dyDescent="0.2">
      <c r="A222" s="1"/>
      <c r="B222" s="68"/>
      <c r="C222" s="33" t="s">
        <v>471</v>
      </c>
      <c r="D222" s="33" t="s">
        <v>472</v>
      </c>
      <c r="E222" s="31">
        <v>43191</v>
      </c>
      <c r="F222" s="32" t="s">
        <v>15</v>
      </c>
      <c r="G222" s="22" t="s">
        <v>12</v>
      </c>
      <c r="H222" s="5"/>
      <c r="I222" s="5"/>
    </row>
    <row r="223" spans="1:9" ht="26.25" customHeight="1" x14ac:dyDescent="0.2">
      <c r="A223" s="1"/>
      <c r="B223" s="68"/>
      <c r="C223" s="33" t="s">
        <v>473</v>
      </c>
      <c r="D223" s="33" t="s">
        <v>474</v>
      </c>
      <c r="E223" s="31">
        <v>44652</v>
      </c>
      <c r="F223" s="32" t="s">
        <v>17</v>
      </c>
      <c r="G223" s="22" t="s">
        <v>12</v>
      </c>
      <c r="H223" s="5"/>
      <c r="I223" s="5"/>
    </row>
    <row r="224" spans="1:9" ht="26.25" customHeight="1" x14ac:dyDescent="0.2">
      <c r="A224" s="1"/>
      <c r="B224" s="48" t="s">
        <v>475</v>
      </c>
      <c r="C224" s="49" t="s">
        <v>476</v>
      </c>
      <c r="D224" s="50" t="s">
        <v>477</v>
      </c>
      <c r="E224" s="51">
        <v>43556</v>
      </c>
      <c r="F224" s="52" t="s">
        <v>30</v>
      </c>
      <c r="G224" s="53" t="s">
        <v>12</v>
      </c>
      <c r="H224" s="5"/>
      <c r="I224" s="5"/>
    </row>
    <row r="225" spans="1:9" ht="26.25" customHeight="1" x14ac:dyDescent="0.2">
      <c r="A225" s="1"/>
      <c r="B225" s="68" t="s">
        <v>478</v>
      </c>
      <c r="C225" s="43" t="s">
        <v>479</v>
      </c>
      <c r="D225" s="54" t="s">
        <v>480</v>
      </c>
      <c r="E225" s="20">
        <v>43556</v>
      </c>
      <c r="F225" s="44" t="s">
        <v>450</v>
      </c>
      <c r="G225" s="22" t="s">
        <v>12</v>
      </c>
      <c r="H225" s="5"/>
      <c r="I225" s="5"/>
    </row>
    <row r="226" spans="1:9" ht="26.25" customHeight="1" x14ac:dyDescent="0.2">
      <c r="A226" s="1"/>
      <c r="B226" s="68"/>
      <c r="C226" s="43" t="s">
        <v>481</v>
      </c>
      <c r="D226" s="54" t="s">
        <v>482</v>
      </c>
      <c r="E226" s="20">
        <v>43556</v>
      </c>
      <c r="F226" s="44" t="s">
        <v>450</v>
      </c>
      <c r="G226" s="22" t="s">
        <v>12</v>
      </c>
      <c r="H226" s="5"/>
      <c r="I226" s="5"/>
    </row>
    <row r="227" spans="1:9" ht="26.25" customHeight="1" x14ac:dyDescent="0.2">
      <c r="A227" s="1"/>
      <c r="B227" s="67" t="s">
        <v>483</v>
      </c>
      <c r="C227" s="54" t="s">
        <v>484</v>
      </c>
      <c r="D227" s="19" t="s">
        <v>485</v>
      </c>
      <c r="E227" s="20">
        <v>42095</v>
      </c>
      <c r="F227" s="44" t="s">
        <v>11</v>
      </c>
      <c r="G227" s="22" t="s">
        <v>27</v>
      </c>
      <c r="H227" s="5"/>
      <c r="I227" s="5"/>
    </row>
    <row r="228" spans="1:9" ht="26.25" customHeight="1" x14ac:dyDescent="0.2">
      <c r="A228" s="1"/>
      <c r="B228" s="67"/>
      <c r="C228" s="54" t="s">
        <v>486</v>
      </c>
      <c r="D228" s="19" t="s">
        <v>487</v>
      </c>
      <c r="E228" s="20">
        <v>42095</v>
      </c>
      <c r="F228" s="44" t="s">
        <v>11</v>
      </c>
      <c r="G228" s="22" t="s">
        <v>27</v>
      </c>
      <c r="H228" s="5"/>
      <c r="I228" s="5"/>
    </row>
    <row r="229" spans="1:9" ht="26.25" customHeight="1" x14ac:dyDescent="0.2">
      <c r="A229" s="1"/>
      <c r="B229" s="67"/>
      <c r="C229" s="54" t="s">
        <v>488</v>
      </c>
      <c r="D229" s="19" t="s">
        <v>489</v>
      </c>
      <c r="E229" s="20">
        <v>42095</v>
      </c>
      <c r="F229" s="44" t="s">
        <v>11</v>
      </c>
      <c r="G229" s="22" t="s">
        <v>27</v>
      </c>
      <c r="H229" s="5"/>
      <c r="I229" s="5"/>
    </row>
    <row r="230" spans="1:9" ht="26.25" customHeight="1" x14ac:dyDescent="0.2">
      <c r="A230" s="1"/>
      <c r="B230" s="67"/>
      <c r="C230" s="54" t="s">
        <v>490</v>
      </c>
      <c r="D230" s="19" t="s">
        <v>491</v>
      </c>
      <c r="E230" s="20">
        <v>42095</v>
      </c>
      <c r="F230" s="44" t="s">
        <v>11</v>
      </c>
      <c r="G230" s="22" t="s">
        <v>27</v>
      </c>
      <c r="H230" s="5"/>
      <c r="I230" s="5"/>
    </row>
    <row r="231" spans="1:9" ht="26.25" customHeight="1" x14ac:dyDescent="0.2">
      <c r="A231" s="1"/>
      <c r="B231" s="67"/>
      <c r="C231" s="54" t="s">
        <v>492</v>
      </c>
      <c r="D231" s="19" t="s">
        <v>493</v>
      </c>
      <c r="E231" s="20">
        <v>42461</v>
      </c>
      <c r="F231" s="44" t="s">
        <v>11</v>
      </c>
      <c r="G231" s="22" t="s">
        <v>27</v>
      </c>
      <c r="H231" s="5"/>
      <c r="I231" s="5"/>
    </row>
    <row r="232" spans="1:9" ht="26.25" customHeight="1" x14ac:dyDescent="0.2">
      <c r="A232" s="1"/>
      <c r="B232" s="67"/>
      <c r="C232" s="54" t="s">
        <v>494</v>
      </c>
      <c r="D232" s="19" t="s">
        <v>495</v>
      </c>
      <c r="E232" s="20">
        <v>42826</v>
      </c>
      <c r="F232" s="44" t="s">
        <v>33</v>
      </c>
      <c r="G232" s="22" t="s">
        <v>12</v>
      </c>
      <c r="H232" s="5"/>
      <c r="I232" s="5"/>
    </row>
    <row r="233" spans="1:9" ht="26.25" customHeight="1" x14ac:dyDescent="0.2">
      <c r="A233" s="1"/>
      <c r="B233" s="67"/>
      <c r="C233" s="54" t="s">
        <v>496</v>
      </c>
      <c r="D233" s="19" t="s">
        <v>497</v>
      </c>
      <c r="E233" s="20">
        <v>43191</v>
      </c>
      <c r="F233" s="44" t="s">
        <v>26</v>
      </c>
      <c r="G233" s="22" t="s">
        <v>12</v>
      </c>
      <c r="H233" s="5"/>
      <c r="I233" s="5"/>
    </row>
    <row r="234" spans="1:9" ht="26.25" customHeight="1" x14ac:dyDescent="0.2">
      <c r="A234" s="1"/>
      <c r="B234" s="67"/>
      <c r="C234" s="54" t="s">
        <v>498</v>
      </c>
      <c r="D234" s="19" t="s">
        <v>499</v>
      </c>
      <c r="E234" s="20">
        <v>43556</v>
      </c>
      <c r="F234" s="44" t="s">
        <v>500</v>
      </c>
      <c r="G234" s="22" t="s">
        <v>12</v>
      </c>
      <c r="H234" s="5"/>
      <c r="I234" s="5"/>
    </row>
    <row r="235" spans="1:9" ht="26.25" customHeight="1" x14ac:dyDescent="0.2">
      <c r="A235" s="1"/>
      <c r="B235" s="66"/>
      <c r="C235" s="54" t="s">
        <v>501</v>
      </c>
      <c r="D235" s="19" t="s">
        <v>502</v>
      </c>
      <c r="E235" s="20">
        <v>43191</v>
      </c>
      <c r="F235" s="44" t="s">
        <v>450</v>
      </c>
      <c r="G235" s="22" t="s">
        <v>12</v>
      </c>
      <c r="H235" s="5"/>
      <c r="I235" s="5"/>
    </row>
    <row r="236" spans="1:9" ht="26.25" customHeight="1" x14ac:dyDescent="0.2">
      <c r="A236" s="1"/>
      <c r="B236" s="65" t="s">
        <v>503</v>
      </c>
      <c r="C236" s="54" t="s">
        <v>504</v>
      </c>
      <c r="D236" s="19" t="s">
        <v>505</v>
      </c>
      <c r="E236" s="20">
        <v>41000</v>
      </c>
      <c r="F236" s="44" t="s">
        <v>506</v>
      </c>
      <c r="G236" s="22" t="s">
        <v>12</v>
      </c>
      <c r="H236" s="5"/>
      <c r="I236" s="5"/>
    </row>
    <row r="237" spans="1:9" ht="26.25" customHeight="1" x14ac:dyDescent="0.2">
      <c r="A237" s="1"/>
      <c r="B237" s="67"/>
      <c r="C237" s="54" t="s">
        <v>507</v>
      </c>
      <c r="D237" s="19" t="s">
        <v>508</v>
      </c>
      <c r="E237" s="20">
        <v>41000</v>
      </c>
      <c r="F237" s="44" t="s">
        <v>506</v>
      </c>
      <c r="G237" s="22" t="s">
        <v>12</v>
      </c>
      <c r="H237" s="5"/>
      <c r="I237" s="5"/>
    </row>
    <row r="238" spans="1:9" ht="26.25" customHeight="1" x14ac:dyDescent="0.2">
      <c r="A238" s="1"/>
      <c r="B238" s="67"/>
      <c r="C238" s="54" t="s">
        <v>509</v>
      </c>
      <c r="D238" s="19" t="s">
        <v>510</v>
      </c>
      <c r="E238" s="20">
        <v>41000</v>
      </c>
      <c r="F238" s="44" t="s">
        <v>506</v>
      </c>
      <c r="G238" s="22" t="s">
        <v>12</v>
      </c>
      <c r="H238" s="5"/>
      <c r="I238" s="5"/>
    </row>
    <row r="239" spans="1:9" ht="26.25" customHeight="1" x14ac:dyDescent="0.2">
      <c r="A239" s="1"/>
      <c r="B239" s="67"/>
      <c r="C239" s="54" t="s">
        <v>511</v>
      </c>
      <c r="D239" s="19" t="s">
        <v>512</v>
      </c>
      <c r="E239" s="20">
        <v>43191</v>
      </c>
      <c r="F239" s="44" t="s">
        <v>15</v>
      </c>
      <c r="G239" s="22" t="s">
        <v>12</v>
      </c>
      <c r="H239" s="5"/>
      <c r="I239" s="5"/>
    </row>
    <row r="240" spans="1:9" ht="26.25" customHeight="1" x14ac:dyDescent="0.2">
      <c r="A240" s="1"/>
      <c r="B240" s="67"/>
      <c r="C240" s="54" t="s">
        <v>513</v>
      </c>
      <c r="D240" s="19" t="s">
        <v>514</v>
      </c>
      <c r="E240" s="20">
        <v>43556</v>
      </c>
      <c r="F240" s="44" t="s">
        <v>15</v>
      </c>
      <c r="G240" s="22" t="s">
        <v>12</v>
      </c>
      <c r="H240" s="5"/>
      <c r="I240" s="5"/>
    </row>
    <row r="241" spans="1:9" ht="26.25" customHeight="1" x14ac:dyDescent="0.2">
      <c r="A241" s="1"/>
      <c r="B241" s="67"/>
      <c r="C241" s="54" t="s">
        <v>515</v>
      </c>
      <c r="D241" s="19" t="s">
        <v>516</v>
      </c>
      <c r="E241" s="20">
        <v>43556</v>
      </c>
      <c r="F241" s="44" t="s">
        <v>15</v>
      </c>
      <c r="G241" s="22" t="s">
        <v>12</v>
      </c>
      <c r="H241" s="5"/>
      <c r="I241" s="5"/>
    </row>
    <row r="242" spans="1:9" ht="26.25" customHeight="1" x14ac:dyDescent="0.2">
      <c r="A242" s="1"/>
      <c r="B242" s="67"/>
      <c r="C242" s="47" t="s">
        <v>517</v>
      </c>
      <c r="D242" s="27" t="s">
        <v>518</v>
      </c>
      <c r="E242" s="23">
        <v>43922</v>
      </c>
      <c r="F242" s="46" t="s">
        <v>15</v>
      </c>
      <c r="G242" s="28" t="s">
        <v>12</v>
      </c>
      <c r="H242" s="5"/>
      <c r="I242" s="5"/>
    </row>
    <row r="243" spans="1:9" ht="26.25" customHeight="1" x14ac:dyDescent="0.2">
      <c r="A243" s="1"/>
      <c r="B243" s="68" t="s">
        <v>519</v>
      </c>
      <c r="C243" s="33" t="s">
        <v>520</v>
      </c>
      <c r="D243" s="30" t="s">
        <v>521</v>
      </c>
      <c r="E243" s="31">
        <v>42095</v>
      </c>
      <c r="F243" s="32" t="s">
        <v>33</v>
      </c>
      <c r="G243" s="22" t="s">
        <v>12</v>
      </c>
      <c r="H243" s="5"/>
      <c r="I243" s="5"/>
    </row>
    <row r="244" spans="1:9" ht="26.25" customHeight="1" x14ac:dyDescent="0.2">
      <c r="A244" s="1"/>
      <c r="B244" s="68"/>
      <c r="C244" s="33" t="s">
        <v>522</v>
      </c>
      <c r="D244" s="30" t="s">
        <v>523</v>
      </c>
      <c r="E244" s="31">
        <v>42826</v>
      </c>
      <c r="F244" s="32" t="s">
        <v>15</v>
      </c>
      <c r="G244" s="22" t="s">
        <v>12</v>
      </c>
      <c r="H244" s="5"/>
      <c r="I244" s="5"/>
    </row>
    <row r="245" spans="1:9" ht="26.25" customHeight="1" x14ac:dyDescent="0.2">
      <c r="A245" s="1"/>
      <c r="B245" s="68"/>
      <c r="C245" s="33" t="s">
        <v>524</v>
      </c>
      <c r="D245" s="30" t="s">
        <v>525</v>
      </c>
      <c r="E245" s="31">
        <v>45017</v>
      </c>
      <c r="F245" s="32" t="s">
        <v>15</v>
      </c>
      <c r="G245" s="22" t="s">
        <v>12</v>
      </c>
      <c r="H245" s="5"/>
      <c r="I245" s="5"/>
    </row>
    <row r="246" spans="1:9" ht="26.25" customHeight="1" x14ac:dyDescent="0.2">
      <c r="A246" s="1"/>
      <c r="B246" s="69" t="s">
        <v>526</v>
      </c>
      <c r="C246" s="49" t="s">
        <v>527</v>
      </c>
      <c r="D246" s="55" t="s">
        <v>528</v>
      </c>
      <c r="E246" s="51">
        <v>42095</v>
      </c>
      <c r="F246" s="52" t="s">
        <v>33</v>
      </c>
      <c r="G246" s="53" t="s">
        <v>12</v>
      </c>
      <c r="H246" s="5"/>
      <c r="I246" s="5"/>
    </row>
    <row r="247" spans="1:9" ht="26.25" customHeight="1" x14ac:dyDescent="0.2">
      <c r="A247" s="1"/>
      <c r="B247" s="69"/>
      <c r="C247" s="43" t="s">
        <v>529</v>
      </c>
      <c r="D247" s="19" t="s">
        <v>530</v>
      </c>
      <c r="E247" s="20">
        <v>43191</v>
      </c>
      <c r="F247" s="44" t="s">
        <v>103</v>
      </c>
      <c r="G247" s="22" t="s">
        <v>12</v>
      </c>
      <c r="H247" s="5"/>
      <c r="I247" s="5"/>
    </row>
    <row r="248" spans="1:9" ht="26.25" customHeight="1" x14ac:dyDescent="0.2">
      <c r="A248" s="1"/>
      <c r="B248" s="69"/>
      <c r="C248" s="43" t="s">
        <v>531</v>
      </c>
      <c r="D248" s="19" t="s">
        <v>532</v>
      </c>
      <c r="E248" s="20">
        <v>43556</v>
      </c>
      <c r="F248" s="44" t="s">
        <v>103</v>
      </c>
      <c r="G248" s="22" t="s">
        <v>12</v>
      </c>
      <c r="H248" s="5"/>
      <c r="I248" s="5"/>
    </row>
    <row r="249" spans="1:9" ht="26.25" customHeight="1" x14ac:dyDescent="0.2">
      <c r="A249" s="1"/>
      <c r="B249" s="69"/>
      <c r="C249" s="29" t="s">
        <v>533</v>
      </c>
      <c r="D249" s="30" t="s">
        <v>534</v>
      </c>
      <c r="E249" s="31">
        <v>43922</v>
      </c>
      <c r="F249" s="32" t="s">
        <v>103</v>
      </c>
      <c r="G249" s="28" t="s">
        <v>12</v>
      </c>
      <c r="H249" s="5"/>
      <c r="I249" s="5"/>
    </row>
    <row r="250" spans="1:9" ht="26.25" customHeight="1" x14ac:dyDescent="0.2">
      <c r="A250" s="1"/>
      <c r="B250" s="69"/>
      <c r="C250" s="29" t="s">
        <v>535</v>
      </c>
      <c r="D250" s="30" t="s">
        <v>536</v>
      </c>
      <c r="E250" s="31">
        <v>43922</v>
      </c>
      <c r="F250" s="32" t="s">
        <v>103</v>
      </c>
      <c r="G250" s="28" t="s">
        <v>12</v>
      </c>
      <c r="H250" s="5"/>
      <c r="I250" s="5"/>
    </row>
    <row r="251" spans="1:9" ht="26.25" customHeight="1" x14ac:dyDescent="0.2">
      <c r="A251" s="1"/>
      <c r="B251" s="69"/>
      <c r="C251" s="43" t="s">
        <v>537</v>
      </c>
      <c r="D251" s="19" t="s">
        <v>538</v>
      </c>
      <c r="E251" s="20">
        <v>42095</v>
      </c>
      <c r="F251" s="44" t="s">
        <v>506</v>
      </c>
      <c r="G251" s="22" t="s">
        <v>12</v>
      </c>
      <c r="H251" s="5"/>
      <c r="I251" s="5"/>
    </row>
    <row r="252" spans="1:9" ht="26.25" customHeight="1" x14ac:dyDescent="0.2">
      <c r="A252" s="1"/>
      <c r="B252" s="69"/>
      <c r="C252" s="43" t="s">
        <v>539</v>
      </c>
      <c r="D252" s="19" t="s">
        <v>540</v>
      </c>
      <c r="E252" s="20">
        <v>42095</v>
      </c>
      <c r="F252" s="44" t="s">
        <v>506</v>
      </c>
      <c r="G252" s="22" t="s">
        <v>12</v>
      </c>
      <c r="H252" s="5"/>
      <c r="I252" s="5"/>
    </row>
    <row r="253" spans="1:9" ht="26.25" customHeight="1" x14ac:dyDescent="0.2">
      <c r="A253" s="1"/>
      <c r="B253" s="69"/>
      <c r="C253" s="45" t="s">
        <v>541</v>
      </c>
      <c r="D253" s="27" t="s">
        <v>542</v>
      </c>
      <c r="E253" s="23">
        <v>42095</v>
      </c>
      <c r="F253" s="46" t="s">
        <v>506</v>
      </c>
      <c r="G253" s="28" t="s">
        <v>12</v>
      </c>
      <c r="H253" s="5"/>
      <c r="I253" s="5"/>
    </row>
    <row r="254" spans="1:9" ht="26.25" customHeight="1" x14ac:dyDescent="0.2">
      <c r="A254" s="1"/>
      <c r="B254" s="69"/>
      <c r="C254" s="33" t="s">
        <v>543</v>
      </c>
      <c r="D254" s="30" t="s">
        <v>544</v>
      </c>
      <c r="E254" s="31">
        <v>42461</v>
      </c>
      <c r="F254" s="32" t="s">
        <v>506</v>
      </c>
      <c r="G254" s="22" t="s">
        <v>12</v>
      </c>
      <c r="H254" s="5"/>
      <c r="I254" s="5"/>
    </row>
    <row r="255" spans="1:9" ht="26.25" customHeight="1" x14ac:dyDescent="0.2">
      <c r="A255" s="1"/>
      <c r="B255" s="70"/>
      <c r="C255" s="33" t="s">
        <v>545</v>
      </c>
      <c r="D255" s="30" t="s">
        <v>546</v>
      </c>
      <c r="E255" s="31">
        <v>44652</v>
      </c>
      <c r="F255" s="32" t="s">
        <v>450</v>
      </c>
      <c r="G255" s="22" t="s">
        <v>12</v>
      </c>
      <c r="H255" s="5"/>
      <c r="I255" s="5"/>
    </row>
    <row r="256" spans="1:9" ht="26.25" customHeight="1" x14ac:dyDescent="0.2">
      <c r="A256" s="1"/>
      <c r="B256" s="71" t="s">
        <v>547</v>
      </c>
      <c r="C256" s="33" t="s">
        <v>548</v>
      </c>
      <c r="D256" s="30" t="s">
        <v>549</v>
      </c>
      <c r="E256" s="31">
        <v>43922</v>
      </c>
      <c r="F256" s="32" t="s">
        <v>103</v>
      </c>
      <c r="G256" s="28" t="s">
        <v>12</v>
      </c>
      <c r="H256" s="5"/>
      <c r="I256" s="5"/>
    </row>
    <row r="257" spans="1:9" ht="26.25" customHeight="1" x14ac:dyDescent="0.2">
      <c r="A257" s="1"/>
      <c r="B257" s="70"/>
      <c r="C257" s="33" t="s">
        <v>550</v>
      </c>
      <c r="D257" s="30" t="s">
        <v>551</v>
      </c>
      <c r="E257" s="31">
        <v>43556</v>
      </c>
      <c r="F257" s="32" t="s">
        <v>15</v>
      </c>
      <c r="G257" s="22" t="s">
        <v>12</v>
      </c>
      <c r="H257" s="5"/>
      <c r="I257" s="5"/>
    </row>
    <row r="258" spans="1:9" ht="26.25" customHeight="1" x14ac:dyDescent="0.2">
      <c r="A258" s="1"/>
      <c r="B258" s="68" t="s">
        <v>552</v>
      </c>
      <c r="C258" s="56" t="s">
        <v>553</v>
      </c>
      <c r="D258" s="30" t="s">
        <v>554</v>
      </c>
      <c r="E258" s="31">
        <v>43922</v>
      </c>
      <c r="F258" s="32" t="s">
        <v>26</v>
      </c>
      <c r="G258" s="22" t="s">
        <v>12</v>
      </c>
      <c r="H258" s="5"/>
      <c r="I258" s="5"/>
    </row>
    <row r="259" spans="1:9" ht="26.25" customHeight="1" x14ac:dyDescent="0.2">
      <c r="A259" s="1"/>
      <c r="B259" s="71"/>
      <c r="C259" s="57" t="s">
        <v>555</v>
      </c>
      <c r="D259" s="55" t="s">
        <v>556</v>
      </c>
      <c r="E259" s="51">
        <v>42826</v>
      </c>
      <c r="F259" s="52" t="s">
        <v>15</v>
      </c>
      <c r="G259" s="53" t="s">
        <v>12</v>
      </c>
      <c r="H259" s="5"/>
      <c r="I259" s="5"/>
    </row>
    <row r="260" spans="1:9" ht="26.25" customHeight="1" x14ac:dyDescent="0.2">
      <c r="A260" s="1"/>
      <c r="B260" s="58" t="s">
        <v>557</v>
      </c>
      <c r="C260" s="33" t="s">
        <v>558</v>
      </c>
      <c r="D260" s="59" t="s">
        <v>559</v>
      </c>
      <c r="E260" s="51">
        <v>43922</v>
      </c>
      <c r="F260" s="52" t="s">
        <v>103</v>
      </c>
      <c r="G260" s="53" t="s">
        <v>12</v>
      </c>
      <c r="H260" s="5"/>
      <c r="I260" s="5"/>
    </row>
    <row r="261" spans="1:9" ht="26.25" customHeight="1" x14ac:dyDescent="0.2">
      <c r="A261" s="1"/>
      <c r="B261" s="72" t="s">
        <v>560</v>
      </c>
      <c r="C261" s="50" t="s">
        <v>561</v>
      </c>
      <c r="D261" s="19" t="s">
        <v>562</v>
      </c>
      <c r="E261" s="20">
        <v>43191</v>
      </c>
      <c r="F261" s="44" t="s">
        <v>103</v>
      </c>
      <c r="G261" s="22" t="s">
        <v>12</v>
      </c>
      <c r="H261" s="5"/>
      <c r="I261" s="5"/>
    </row>
    <row r="262" spans="1:9" ht="26.25" customHeight="1" x14ac:dyDescent="0.2">
      <c r="A262" s="1"/>
      <c r="B262" s="66"/>
      <c r="C262" s="50" t="s">
        <v>563</v>
      </c>
      <c r="D262" s="19" t="s">
        <v>564</v>
      </c>
      <c r="E262" s="20">
        <v>44652</v>
      </c>
      <c r="F262" s="44" t="s">
        <v>274</v>
      </c>
      <c r="G262" s="22" t="s">
        <v>12</v>
      </c>
      <c r="H262" s="5"/>
      <c r="I262" s="5"/>
    </row>
    <row r="263" spans="1:9" ht="26.25" customHeight="1" x14ac:dyDescent="0.2">
      <c r="A263" s="1"/>
      <c r="B263" s="65" t="s">
        <v>565</v>
      </c>
      <c r="C263" s="54" t="s">
        <v>566</v>
      </c>
      <c r="D263" s="19" t="s">
        <v>567</v>
      </c>
      <c r="E263" s="20">
        <v>42461</v>
      </c>
      <c r="F263" s="44" t="s">
        <v>33</v>
      </c>
      <c r="G263" s="22" t="s">
        <v>12</v>
      </c>
      <c r="H263" s="5"/>
      <c r="I263" s="5"/>
    </row>
    <row r="264" spans="1:9" ht="26.25" customHeight="1" x14ac:dyDescent="0.2">
      <c r="A264" s="1"/>
      <c r="B264" s="66"/>
      <c r="C264" s="54" t="s">
        <v>568</v>
      </c>
      <c r="D264" s="19" t="s">
        <v>569</v>
      </c>
      <c r="E264" s="20">
        <v>43191</v>
      </c>
      <c r="F264" s="44" t="s">
        <v>500</v>
      </c>
      <c r="G264" s="22" t="s">
        <v>12</v>
      </c>
      <c r="H264" s="5"/>
      <c r="I264" s="5"/>
    </row>
    <row r="265" spans="1:9" ht="26.25" customHeight="1" x14ac:dyDescent="0.2">
      <c r="A265" s="1"/>
      <c r="B265" s="60" t="s">
        <v>570</v>
      </c>
      <c r="C265" s="54" t="s">
        <v>571</v>
      </c>
      <c r="D265" s="19" t="s">
        <v>572</v>
      </c>
      <c r="E265" s="20">
        <v>42095</v>
      </c>
      <c r="F265" s="44" t="s">
        <v>11</v>
      </c>
      <c r="G265" s="22" t="s">
        <v>27</v>
      </c>
      <c r="H265" s="5"/>
      <c r="I265" s="5"/>
    </row>
    <row r="266" spans="1:9" ht="26.25" customHeight="1" x14ac:dyDescent="0.2">
      <c r="A266" s="1"/>
      <c r="B266" s="61" t="s">
        <v>573</v>
      </c>
      <c r="C266" s="54" t="s">
        <v>574</v>
      </c>
      <c r="D266" s="19" t="s">
        <v>575</v>
      </c>
      <c r="E266" s="20">
        <v>45017</v>
      </c>
      <c r="F266" s="44" t="s">
        <v>435</v>
      </c>
      <c r="G266" s="22" t="s">
        <v>12</v>
      </c>
      <c r="H266" s="5"/>
      <c r="I266" s="5"/>
    </row>
    <row r="267" spans="1:9" ht="26.25" customHeight="1" x14ac:dyDescent="0.2">
      <c r="A267" s="1"/>
      <c r="B267" s="61" t="s">
        <v>576</v>
      </c>
      <c r="C267" s="54" t="s">
        <v>577</v>
      </c>
      <c r="D267" s="19" t="s">
        <v>578</v>
      </c>
      <c r="E267" s="20">
        <v>42826</v>
      </c>
      <c r="F267" s="44" t="s">
        <v>33</v>
      </c>
      <c r="G267" s="22" t="s">
        <v>27</v>
      </c>
      <c r="H267" s="5"/>
      <c r="I267" s="5"/>
    </row>
    <row r="268" spans="1:9" ht="26.25" customHeight="1" x14ac:dyDescent="0.2">
      <c r="A268" s="1"/>
      <c r="B268" s="65" t="s">
        <v>579</v>
      </c>
      <c r="C268" s="54" t="s">
        <v>580</v>
      </c>
      <c r="D268" s="19" t="s">
        <v>581</v>
      </c>
      <c r="E268" s="20">
        <v>42095</v>
      </c>
      <c r="F268" s="44" t="s">
        <v>11</v>
      </c>
      <c r="G268" s="22" t="s">
        <v>27</v>
      </c>
      <c r="H268" s="5"/>
      <c r="I268" s="5"/>
    </row>
    <row r="269" spans="1:9" ht="26.25" customHeight="1" x14ac:dyDescent="0.2">
      <c r="A269" s="1"/>
      <c r="B269" s="67"/>
      <c r="C269" s="47" t="s">
        <v>582</v>
      </c>
      <c r="D269" s="27" t="s">
        <v>583</v>
      </c>
      <c r="E269" s="23">
        <v>42095</v>
      </c>
      <c r="F269" s="46" t="s">
        <v>11</v>
      </c>
      <c r="G269" s="28" t="s">
        <v>27</v>
      </c>
      <c r="H269" s="5"/>
      <c r="I269" s="5"/>
    </row>
    <row r="270" spans="1:9" ht="26.25" customHeight="1" x14ac:dyDescent="0.2">
      <c r="A270" s="1"/>
      <c r="B270" s="68" t="s">
        <v>584</v>
      </c>
      <c r="C270" s="33" t="s">
        <v>585</v>
      </c>
      <c r="D270" s="30" t="s">
        <v>586</v>
      </c>
      <c r="E270" s="31">
        <v>44652</v>
      </c>
      <c r="F270" s="32" t="s">
        <v>33</v>
      </c>
      <c r="G270" s="22" t="s">
        <v>12</v>
      </c>
      <c r="H270" s="5"/>
      <c r="I270" s="5"/>
    </row>
    <row r="271" spans="1:9" ht="26.25" customHeight="1" x14ac:dyDescent="0.2">
      <c r="A271" s="1"/>
      <c r="B271" s="68"/>
      <c r="C271" s="33" t="s">
        <v>587</v>
      </c>
      <c r="D271" s="30" t="s">
        <v>588</v>
      </c>
      <c r="E271" s="31">
        <v>43191</v>
      </c>
      <c r="F271" s="32" t="s">
        <v>15</v>
      </c>
      <c r="G271" s="22" t="s">
        <v>12</v>
      </c>
      <c r="H271" s="5"/>
      <c r="I271" s="5"/>
    </row>
    <row r="272" spans="1:9" x14ac:dyDescent="0.2">
      <c r="H272" s="5"/>
      <c r="I272" s="5"/>
    </row>
    <row r="273" spans="6:10" x14ac:dyDescent="0.2">
      <c r="J273" s="63"/>
    </row>
    <row r="274" spans="6:10" x14ac:dyDescent="0.2">
      <c r="F274" s="63"/>
      <c r="H274" s="63"/>
      <c r="I274" s="64"/>
      <c r="J274" s="63"/>
    </row>
    <row r="284" spans="6:10" ht="19.5" customHeight="1" x14ac:dyDescent="0.2"/>
    <row r="285" spans="6:10" ht="16.5" customHeight="1" x14ac:dyDescent="0.2"/>
    <row r="286" spans="6:10" ht="21" customHeight="1" x14ac:dyDescent="0.2"/>
    <row r="290" ht="19.5" customHeight="1" x14ac:dyDescent="0.2"/>
    <row r="291" ht="25.5" customHeight="1" x14ac:dyDescent="0.2"/>
    <row r="292" ht="18" customHeight="1" x14ac:dyDescent="0.2"/>
  </sheetData>
  <autoFilter ref="B4:G271"/>
  <mergeCells count="21">
    <mergeCell ref="B227:B235"/>
    <mergeCell ref="B1:D1"/>
    <mergeCell ref="B5:B71"/>
    <mergeCell ref="B72:B92"/>
    <mergeCell ref="B93:B164"/>
    <mergeCell ref="B165:B194"/>
    <mergeCell ref="B195:B203"/>
    <mergeCell ref="B204:B208"/>
    <mergeCell ref="B209:B210"/>
    <mergeCell ref="B211:B215"/>
    <mergeCell ref="B216:B223"/>
    <mergeCell ref="B225:B226"/>
    <mergeCell ref="B263:B264"/>
    <mergeCell ref="B268:B269"/>
    <mergeCell ref="B270:B271"/>
    <mergeCell ref="B236:B242"/>
    <mergeCell ref="B243:B245"/>
    <mergeCell ref="B246:B255"/>
    <mergeCell ref="B256:B257"/>
    <mergeCell ref="B258:B259"/>
    <mergeCell ref="B261:B262"/>
  </mergeCells>
  <phoneticPr fontId="3"/>
  <dataValidations count="1">
    <dataValidation type="list" allowBlank="1" showInputMessage="1" showErrorMessage="1" sqref="F195">
      <formula1>#REF!</formula1>
    </dataValidation>
  </dataValidations>
  <pageMargins left="0.6692913385826772" right="0.43307086614173229" top="0.59055118110236227" bottom="0.78740157480314965" header="0.51181102362204722" footer="0.51181102362204722"/>
  <pageSetup paperSize="9" scale="89" fitToHeight="0" orientation="portrait" r:id="rId1"/>
  <headerFooter alignWithMargins="0"/>
  <rowBreaks count="1" manualBreakCount="1">
    <brk id="235" max="6" man="1"/>
  </rowBreaks>
  <drawing r:id="rId2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県内</vt:lpstr>
      <vt:lpstr>県内!Print_Area</vt:lpstr>
      <vt:lpstr>県内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3-04-04T06:31:24Z</dcterms:created>
  <dcterms:modified xsi:type="dcterms:W3CDTF">2023-04-04T06:48:18Z</dcterms:modified>
</cp:coreProperties>
</file>